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drawings/drawing3.xml" ContentType="application/vnd.openxmlformats-officedocument.drawing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drawings/drawing4.xml" ContentType="application/vnd.openxmlformats-officedocument.drawing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drawings/drawing5.xml" ContentType="application/vnd.openxmlformats-officedocument.drawing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drawings/drawing6.xml" ContentType="application/vnd.openxmlformats-officedocument.drawing+xml"/>
  <Override PartName="/xl/charts/chart11.xml" ContentType="application/vnd.openxmlformats-officedocument.drawingml.chart+xml"/>
  <Override PartName="/xl/charts/chart12.xml" ContentType="application/vnd.openxmlformats-officedocument.drawingml.chart+xml"/>
  <Override PartName="/xl/drawings/drawing7.xml" ContentType="application/vnd.openxmlformats-officedocument.drawing+xml"/>
  <Override PartName="/xl/charts/chart13.xml" ContentType="application/vnd.openxmlformats-officedocument.drawingml.chart+xml"/>
  <Override PartName="/xl/charts/chart14.xml" ContentType="application/vnd.openxmlformats-officedocument.drawingml.chart+xml"/>
  <Override PartName="/xl/drawings/drawing8.xml" ContentType="application/vnd.openxmlformats-officedocument.drawing+xml"/>
  <Override PartName="/xl/charts/chart15.xml" ContentType="application/vnd.openxmlformats-officedocument.drawingml.chart+xml"/>
  <Override PartName="/xl/charts/chart16.xml" ContentType="application/vnd.openxmlformats-officedocument.drawingml.chart+xml"/>
  <Override PartName="/xl/drawings/drawing9.xml" ContentType="application/vnd.openxmlformats-officedocument.drawing+xml"/>
  <Override PartName="/xl/charts/chart17.xml" ContentType="application/vnd.openxmlformats-officedocument.drawingml.chart+xml"/>
  <Override PartName="/xl/charts/chart18.xml" ContentType="application/vnd.openxmlformats-officedocument.drawingml.chart+xml"/>
  <Override PartName="/xl/drawings/drawing10.xml" ContentType="application/vnd.openxmlformats-officedocument.drawing+xml"/>
  <Override PartName="/xl/charts/chart19.xml" ContentType="application/vnd.openxmlformats-officedocument.drawingml.chart+xml"/>
  <Override PartName="/xl/charts/chart20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8_{20295EAA-967B-42C9-810B-2FBD1B73019D}" xr6:coauthVersionLast="47" xr6:coauthVersionMax="47" xr10:uidLastSave="{00000000-0000-0000-0000-000000000000}"/>
  <bookViews>
    <workbookView xWindow="-108" yWindow="-108" windowWidth="23256" windowHeight="12576" xr2:uid="{04E9BB05-D69F-4FBA-8045-A6C1B7658915}"/>
  </bookViews>
  <sheets>
    <sheet name="０３０１八尾" sheetId="1" r:id="rId1"/>
    <sheet name="０３０２保内" sheetId="2" r:id="rId2"/>
    <sheet name="０３０３杉原" sheetId="3" r:id="rId3"/>
    <sheet name="０３０４卯花" sheetId="4" r:id="rId4"/>
    <sheet name="０３０５室牧" sheetId="5" r:id="rId5"/>
    <sheet name="０３０６黒瀬谷" sheetId="6" r:id="rId6"/>
    <sheet name="０３０７野積" sheetId="7" r:id="rId7"/>
    <sheet name="０３０８仁歩" sheetId="8" r:id="rId8"/>
    <sheet name="０３０９大長谷" sheetId="9" r:id="rId9"/>
    <sheet name="八尾地域計" sheetId="10" r:id="rId10"/>
  </sheets>
  <externalReferences>
    <externalReference r:id="rId11"/>
  </externalReferences>
  <definedNames>
    <definedName name="_xlnm.Print_Area" localSheetId="0">'０３０１八尾'!$A$1:$Q$167</definedName>
    <definedName name="_xlnm.Print_Area" localSheetId="1">'０３０２保内'!$A$1:$Q$167</definedName>
    <definedName name="_xlnm.Print_Area" localSheetId="2">'０３０３杉原'!$A$1:$Q$167</definedName>
    <definedName name="_xlnm.Print_Area" localSheetId="3">'０３０４卯花'!$A$1:$Q$167</definedName>
    <definedName name="_xlnm.Print_Area" localSheetId="4">'０３０５室牧'!$A$1:$Q$167</definedName>
    <definedName name="_xlnm.Print_Area" localSheetId="5">'０３０６黒瀬谷'!$A$1:$Q$167</definedName>
    <definedName name="_xlnm.Print_Area" localSheetId="6">'０３０７野積'!$A$1:$Q$167</definedName>
    <definedName name="_xlnm.Print_Area" localSheetId="7">'０３０８仁歩'!$A$1:$Q$167</definedName>
    <definedName name="_xlnm.Print_Area" localSheetId="8">'０３０９大長谷'!$A$1:$Q$167</definedName>
    <definedName name="_xlnm.Print_Area" localSheetId="9">八尾地域計!$A$1:$Q$16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159" i="10" l="1"/>
  <c r="Q166" i="10" s="1"/>
  <c r="P158" i="10"/>
  <c r="O158" i="10"/>
  <c r="N158" i="10"/>
  <c r="M158" i="10"/>
  <c r="L158" i="10"/>
  <c r="K158" i="10"/>
  <c r="J158" i="10"/>
  <c r="I158" i="10"/>
  <c r="H158" i="10"/>
  <c r="G158" i="10"/>
  <c r="P157" i="10"/>
  <c r="O157" i="10"/>
  <c r="N157" i="10"/>
  <c r="N165" i="10" s="1"/>
  <c r="M157" i="10"/>
  <c r="L157" i="10"/>
  <c r="K157" i="10"/>
  <c r="J157" i="10"/>
  <c r="J165" i="10" s="1"/>
  <c r="I157" i="10"/>
  <c r="H157" i="10"/>
  <c r="G157" i="10"/>
  <c r="P156" i="10"/>
  <c r="P159" i="10" s="1"/>
  <c r="O156" i="10"/>
  <c r="N156" i="10"/>
  <c r="N159" i="10" s="1"/>
  <c r="M156" i="10"/>
  <c r="M159" i="10" s="1"/>
  <c r="L156" i="10"/>
  <c r="L159" i="10" s="1"/>
  <c r="K156" i="10"/>
  <c r="J156" i="10"/>
  <c r="J159" i="10" s="1"/>
  <c r="I156" i="10"/>
  <c r="I159" i="10" s="1"/>
  <c r="H156" i="10"/>
  <c r="H159" i="10" s="1"/>
  <c r="G156" i="10"/>
  <c r="Q151" i="10"/>
  <c r="P151" i="10"/>
  <c r="O151" i="10"/>
  <c r="N151" i="10"/>
  <c r="M151" i="10"/>
  <c r="L151" i="10"/>
  <c r="K151" i="10"/>
  <c r="J151" i="10"/>
  <c r="I151" i="10"/>
  <c r="H151" i="10"/>
  <c r="G151" i="10"/>
  <c r="Q113" i="10"/>
  <c r="Q119" i="10" s="1"/>
  <c r="P112" i="10"/>
  <c r="O112" i="10"/>
  <c r="N112" i="10"/>
  <c r="M112" i="10"/>
  <c r="L112" i="10"/>
  <c r="K112" i="10"/>
  <c r="J112" i="10"/>
  <c r="I112" i="10"/>
  <c r="H112" i="10"/>
  <c r="G112" i="10"/>
  <c r="P111" i="10"/>
  <c r="O111" i="10"/>
  <c r="N111" i="10"/>
  <c r="M111" i="10"/>
  <c r="M119" i="10" s="1"/>
  <c r="L111" i="10"/>
  <c r="K111" i="10"/>
  <c r="J111" i="10"/>
  <c r="I111" i="10"/>
  <c r="I119" i="10" s="1"/>
  <c r="H111" i="10"/>
  <c r="G111" i="10"/>
  <c r="P110" i="10"/>
  <c r="O110" i="10"/>
  <c r="O113" i="10" s="1"/>
  <c r="N110" i="10"/>
  <c r="N113" i="10" s="1"/>
  <c r="M110" i="10"/>
  <c r="M113" i="10" s="1"/>
  <c r="L110" i="10"/>
  <c r="K110" i="10"/>
  <c r="K113" i="10" s="1"/>
  <c r="J110" i="10"/>
  <c r="J113" i="10" s="1"/>
  <c r="I110" i="10"/>
  <c r="I113" i="10" s="1"/>
  <c r="H110" i="10"/>
  <c r="G110" i="10"/>
  <c r="G113" i="10" s="1"/>
  <c r="Q105" i="10"/>
  <c r="P105" i="10"/>
  <c r="O105" i="10"/>
  <c r="N105" i="10"/>
  <c r="M105" i="10"/>
  <c r="L105" i="10"/>
  <c r="K105" i="10"/>
  <c r="J105" i="10"/>
  <c r="I105" i="10"/>
  <c r="H105" i="10"/>
  <c r="G105" i="10"/>
  <c r="Q25" i="10"/>
  <c r="P25" i="10"/>
  <c r="O25" i="10"/>
  <c r="N25" i="10"/>
  <c r="M25" i="10"/>
  <c r="L25" i="10"/>
  <c r="K25" i="10"/>
  <c r="J25" i="10"/>
  <c r="I25" i="10"/>
  <c r="H25" i="10"/>
  <c r="G25" i="10"/>
  <c r="Q24" i="10"/>
  <c r="P24" i="10"/>
  <c r="O24" i="10"/>
  <c r="N24" i="10"/>
  <c r="M24" i="10"/>
  <c r="L24" i="10"/>
  <c r="K24" i="10"/>
  <c r="J24" i="10"/>
  <c r="I24" i="10"/>
  <c r="H24" i="10"/>
  <c r="G24" i="10"/>
  <c r="Q23" i="10"/>
  <c r="P23" i="10"/>
  <c r="O23" i="10"/>
  <c r="N23" i="10"/>
  <c r="M23" i="10"/>
  <c r="L23" i="10"/>
  <c r="K23" i="10"/>
  <c r="J23" i="10"/>
  <c r="I23" i="10"/>
  <c r="H23" i="10"/>
  <c r="G23" i="10"/>
  <c r="Q22" i="10"/>
  <c r="P22" i="10"/>
  <c r="O22" i="10"/>
  <c r="N22" i="10"/>
  <c r="M22" i="10"/>
  <c r="L22" i="10"/>
  <c r="K22" i="10"/>
  <c r="J22" i="10"/>
  <c r="I22" i="10"/>
  <c r="H22" i="10"/>
  <c r="G22" i="10"/>
  <c r="Q21" i="10"/>
  <c r="P21" i="10"/>
  <c r="O21" i="10"/>
  <c r="N21" i="10"/>
  <c r="M21" i="10"/>
  <c r="L21" i="10"/>
  <c r="K21" i="10"/>
  <c r="J21" i="10"/>
  <c r="I21" i="10"/>
  <c r="H21" i="10"/>
  <c r="G21" i="10"/>
  <c r="Q20" i="10"/>
  <c r="P20" i="10"/>
  <c r="O20" i="10"/>
  <c r="N20" i="10"/>
  <c r="M20" i="10"/>
  <c r="L20" i="10"/>
  <c r="K20" i="10"/>
  <c r="J20" i="10"/>
  <c r="I20" i="10"/>
  <c r="H20" i="10"/>
  <c r="G20" i="10"/>
  <c r="Q19" i="10"/>
  <c r="P19" i="10"/>
  <c r="O19" i="10"/>
  <c r="N19" i="10"/>
  <c r="M19" i="10"/>
  <c r="L19" i="10"/>
  <c r="K19" i="10"/>
  <c r="J19" i="10"/>
  <c r="I19" i="10"/>
  <c r="H19" i="10"/>
  <c r="G19" i="10"/>
  <c r="Q18" i="10"/>
  <c r="Q33" i="10" s="1"/>
  <c r="P18" i="10"/>
  <c r="P33" i="10" s="1"/>
  <c r="O18" i="10"/>
  <c r="O33" i="10" s="1"/>
  <c r="N18" i="10"/>
  <c r="N33" i="10" s="1"/>
  <c r="M18" i="10"/>
  <c r="M33" i="10" s="1"/>
  <c r="L18" i="10"/>
  <c r="L33" i="10" s="1"/>
  <c r="K18" i="10"/>
  <c r="K33" i="10" s="1"/>
  <c r="J18" i="10"/>
  <c r="J33" i="10" s="1"/>
  <c r="I18" i="10"/>
  <c r="I33" i="10" s="1"/>
  <c r="H18" i="10"/>
  <c r="H33" i="10" s="1"/>
  <c r="G18" i="10"/>
  <c r="G33" i="10" s="1"/>
  <c r="Q17" i="10"/>
  <c r="P17" i="10"/>
  <c r="O17" i="10"/>
  <c r="N17" i="10"/>
  <c r="M17" i="10"/>
  <c r="L17" i="10"/>
  <c r="K17" i="10"/>
  <c r="J17" i="10"/>
  <c r="I17" i="10"/>
  <c r="H17" i="10"/>
  <c r="G17" i="10"/>
  <c r="Q16" i="10"/>
  <c r="P16" i="10"/>
  <c r="O16" i="10"/>
  <c r="N16" i="10"/>
  <c r="M16" i="10"/>
  <c r="L16" i="10"/>
  <c r="K16" i="10"/>
  <c r="J16" i="10"/>
  <c r="I16" i="10"/>
  <c r="H16" i="10"/>
  <c r="G16" i="10"/>
  <c r="Q15" i="10"/>
  <c r="P15" i="10"/>
  <c r="O15" i="10"/>
  <c r="N15" i="10"/>
  <c r="M15" i="10"/>
  <c r="L15" i="10"/>
  <c r="K15" i="10"/>
  <c r="J15" i="10"/>
  <c r="I15" i="10"/>
  <c r="H15" i="10"/>
  <c r="G15" i="10"/>
  <c r="Q14" i="10"/>
  <c r="P14" i="10"/>
  <c r="O14" i="10"/>
  <c r="N14" i="10"/>
  <c r="M14" i="10"/>
  <c r="L14" i="10"/>
  <c r="K14" i="10"/>
  <c r="J14" i="10"/>
  <c r="I14" i="10"/>
  <c r="H14" i="10"/>
  <c r="G14" i="10"/>
  <c r="Q13" i="10"/>
  <c r="P13" i="10"/>
  <c r="O13" i="10"/>
  <c r="N13" i="10"/>
  <c r="M13" i="10"/>
  <c r="L13" i="10"/>
  <c r="K13" i="10"/>
  <c r="J13" i="10"/>
  <c r="I13" i="10"/>
  <c r="H13" i="10"/>
  <c r="G13" i="10"/>
  <c r="Q12" i="10"/>
  <c r="P12" i="10"/>
  <c r="O12" i="10"/>
  <c r="N12" i="10"/>
  <c r="M12" i="10"/>
  <c r="L12" i="10"/>
  <c r="K12" i="10"/>
  <c r="J12" i="10"/>
  <c r="I12" i="10"/>
  <c r="H12" i="10"/>
  <c r="G12" i="10"/>
  <c r="Q11" i="10"/>
  <c r="P11" i="10"/>
  <c r="O11" i="10"/>
  <c r="N11" i="10"/>
  <c r="M11" i="10"/>
  <c r="L11" i="10"/>
  <c r="K11" i="10"/>
  <c r="J11" i="10"/>
  <c r="I11" i="10"/>
  <c r="H11" i="10"/>
  <c r="G11" i="10"/>
  <c r="Q10" i="10"/>
  <c r="P10" i="10"/>
  <c r="O10" i="10"/>
  <c r="N10" i="10"/>
  <c r="M10" i="10"/>
  <c r="L10" i="10"/>
  <c r="K10" i="10"/>
  <c r="J10" i="10"/>
  <c r="I10" i="10"/>
  <c r="H10" i="10"/>
  <c r="G10" i="10"/>
  <c r="Q9" i="10"/>
  <c r="P9" i="10"/>
  <c r="O9" i="10"/>
  <c r="N9" i="10"/>
  <c r="M9" i="10"/>
  <c r="L9" i="10"/>
  <c r="K9" i="10"/>
  <c r="J9" i="10"/>
  <c r="I9" i="10"/>
  <c r="H9" i="10"/>
  <c r="G9" i="10"/>
  <c r="Q8" i="10"/>
  <c r="Q32" i="10" s="1"/>
  <c r="P8" i="10"/>
  <c r="P32" i="10" s="1"/>
  <c r="O8" i="10"/>
  <c r="O32" i="10" s="1"/>
  <c r="N8" i="10"/>
  <c r="N32" i="10" s="1"/>
  <c r="M8" i="10"/>
  <c r="M32" i="10" s="1"/>
  <c r="L8" i="10"/>
  <c r="L32" i="10" s="1"/>
  <c r="K8" i="10"/>
  <c r="K32" i="10" s="1"/>
  <c r="J8" i="10"/>
  <c r="J32" i="10" s="1"/>
  <c r="I8" i="10"/>
  <c r="I32" i="10" s="1"/>
  <c r="H8" i="10"/>
  <c r="H32" i="10" s="1"/>
  <c r="G8" i="10"/>
  <c r="G32" i="10" s="1"/>
  <c r="Q7" i="10"/>
  <c r="P7" i="10"/>
  <c r="O7" i="10"/>
  <c r="N7" i="10"/>
  <c r="M7" i="10"/>
  <c r="L7" i="10"/>
  <c r="K7" i="10"/>
  <c r="J7" i="10"/>
  <c r="I7" i="10"/>
  <c r="H7" i="10"/>
  <c r="G7" i="10"/>
  <c r="Q6" i="10"/>
  <c r="P6" i="10"/>
  <c r="O6" i="10"/>
  <c r="N6" i="10"/>
  <c r="M6" i="10"/>
  <c r="L6" i="10"/>
  <c r="K6" i="10"/>
  <c r="J6" i="10"/>
  <c r="I6" i="10"/>
  <c r="H6" i="10"/>
  <c r="G6" i="10"/>
  <c r="Q5" i="10"/>
  <c r="Q31" i="10" s="1"/>
  <c r="P5" i="10"/>
  <c r="P26" i="10" s="1"/>
  <c r="O5" i="10"/>
  <c r="O26" i="10" s="1"/>
  <c r="N5" i="10"/>
  <c r="N26" i="10" s="1"/>
  <c r="M5" i="10"/>
  <c r="M31" i="10" s="1"/>
  <c r="L5" i="10"/>
  <c r="L26" i="10" s="1"/>
  <c r="K5" i="10"/>
  <c r="K26" i="10" s="1"/>
  <c r="J5" i="10"/>
  <c r="J26" i="10" s="1"/>
  <c r="I5" i="10"/>
  <c r="I31" i="10" s="1"/>
  <c r="H5" i="10"/>
  <c r="H26" i="10" s="1"/>
  <c r="G5" i="10"/>
  <c r="G26" i="10" s="1"/>
  <c r="Q159" i="9"/>
  <c r="Q165" i="9" s="1"/>
  <c r="P158" i="9"/>
  <c r="O158" i="9"/>
  <c r="N158" i="9"/>
  <c r="M158" i="9"/>
  <c r="L158" i="9"/>
  <c r="K158" i="9"/>
  <c r="J158" i="9"/>
  <c r="I158" i="9"/>
  <c r="H158" i="9"/>
  <c r="G158" i="9"/>
  <c r="P157" i="9"/>
  <c r="O157" i="9"/>
  <c r="N157" i="9"/>
  <c r="N165" i="9" s="1"/>
  <c r="M157" i="9"/>
  <c r="M165" i="9" s="1"/>
  <c r="L157" i="9"/>
  <c r="K157" i="9"/>
  <c r="J157" i="9"/>
  <c r="J165" i="9" s="1"/>
  <c r="I157" i="9"/>
  <c r="I165" i="9" s="1"/>
  <c r="H157" i="9"/>
  <c r="G157" i="9"/>
  <c r="P156" i="9"/>
  <c r="O156" i="9"/>
  <c r="O159" i="9" s="1"/>
  <c r="N156" i="9"/>
  <c r="N159" i="9" s="1"/>
  <c r="M156" i="9"/>
  <c r="M159" i="9" s="1"/>
  <c r="L156" i="9"/>
  <c r="K156" i="9"/>
  <c r="K159" i="9" s="1"/>
  <c r="J156" i="9"/>
  <c r="J159" i="9" s="1"/>
  <c r="I156" i="9"/>
  <c r="I159" i="9" s="1"/>
  <c r="H156" i="9"/>
  <c r="G156" i="9"/>
  <c r="G159" i="9" s="1"/>
  <c r="Q151" i="9"/>
  <c r="P151" i="9"/>
  <c r="O151" i="9"/>
  <c r="N151" i="9"/>
  <c r="M151" i="9"/>
  <c r="L151" i="9"/>
  <c r="K151" i="9"/>
  <c r="J151" i="9"/>
  <c r="I151" i="9"/>
  <c r="H151" i="9"/>
  <c r="G151" i="9"/>
  <c r="Q113" i="9"/>
  <c r="Q118" i="9" s="1"/>
  <c r="P112" i="9"/>
  <c r="O112" i="9"/>
  <c r="N112" i="9"/>
  <c r="M112" i="9"/>
  <c r="L112" i="9"/>
  <c r="K112" i="9"/>
  <c r="J112" i="9"/>
  <c r="I112" i="9"/>
  <c r="H112" i="9"/>
  <c r="G112" i="9"/>
  <c r="P111" i="9"/>
  <c r="P119" i="9" s="1"/>
  <c r="O111" i="9"/>
  <c r="O119" i="9" s="1"/>
  <c r="N111" i="9"/>
  <c r="M111" i="9"/>
  <c r="L111" i="9"/>
  <c r="L119" i="9" s="1"/>
  <c r="K111" i="9"/>
  <c r="K119" i="9" s="1"/>
  <c r="J111" i="9"/>
  <c r="I111" i="9"/>
  <c r="H111" i="9"/>
  <c r="H119" i="9" s="1"/>
  <c r="G111" i="9"/>
  <c r="G119" i="9" s="1"/>
  <c r="P110" i="9"/>
  <c r="P113" i="9" s="1"/>
  <c r="O110" i="9"/>
  <c r="O113" i="9" s="1"/>
  <c r="N110" i="9"/>
  <c r="N113" i="9" s="1"/>
  <c r="M110" i="9"/>
  <c r="L110" i="9"/>
  <c r="L113" i="9" s="1"/>
  <c r="K110" i="9"/>
  <c r="K113" i="9" s="1"/>
  <c r="J110" i="9"/>
  <c r="J113" i="9" s="1"/>
  <c r="I110" i="9"/>
  <c r="H110" i="9"/>
  <c r="H113" i="9" s="1"/>
  <c r="G110" i="9"/>
  <c r="G113" i="9" s="1"/>
  <c r="Q105" i="9"/>
  <c r="P105" i="9"/>
  <c r="O105" i="9"/>
  <c r="N105" i="9"/>
  <c r="M105" i="9"/>
  <c r="L105" i="9"/>
  <c r="K105" i="9"/>
  <c r="J105" i="9"/>
  <c r="I105" i="9"/>
  <c r="H105" i="9"/>
  <c r="G105" i="9"/>
  <c r="Q25" i="9"/>
  <c r="P25" i="9"/>
  <c r="O25" i="9"/>
  <c r="N25" i="9"/>
  <c r="M25" i="9"/>
  <c r="L25" i="9"/>
  <c r="K25" i="9"/>
  <c r="J25" i="9"/>
  <c r="I25" i="9"/>
  <c r="H25" i="9"/>
  <c r="G25" i="9"/>
  <c r="Q24" i="9"/>
  <c r="P24" i="9"/>
  <c r="O24" i="9"/>
  <c r="N24" i="9"/>
  <c r="M24" i="9"/>
  <c r="L24" i="9"/>
  <c r="K24" i="9"/>
  <c r="J24" i="9"/>
  <c r="I24" i="9"/>
  <c r="H24" i="9"/>
  <c r="G24" i="9"/>
  <c r="Q23" i="9"/>
  <c r="P23" i="9"/>
  <c r="O23" i="9"/>
  <c r="N23" i="9"/>
  <c r="M23" i="9"/>
  <c r="L23" i="9"/>
  <c r="K23" i="9"/>
  <c r="J23" i="9"/>
  <c r="I23" i="9"/>
  <c r="H23" i="9"/>
  <c r="G23" i="9"/>
  <c r="Q22" i="9"/>
  <c r="P22" i="9"/>
  <c r="O22" i="9"/>
  <c r="N22" i="9"/>
  <c r="M22" i="9"/>
  <c r="L22" i="9"/>
  <c r="K22" i="9"/>
  <c r="J22" i="9"/>
  <c r="I22" i="9"/>
  <c r="H22" i="9"/>
  <c r="G22" i="9"/>
  <c r="Q21" i="9"/>
  <c r="P21" i="9"/>
  <c r="O21" i="9"/>
  <c r="N21" i="9"/>
  <c r="M21" i="9"/>
  <c r="L21" i="9"/>
  <c r="K21" i="9"/>
  <c r="J21" i="9"/>
  <c r="I21" i="9"/>
  <c r="H21" i="9"/>
  <c r="G21" i="9"/>
  <c r="Q20" i="9"/>
  <c r="P20" i="9"/>
  <c r="O20" i="9"/>
  <c r="N20" i="9"/>
  <c r="M20" i="9"/>
  <c r="L20" i="9"/>
  <c r="K20" i="9"/>
  <c r="J20" i="9"/>
  <c r="I20" i="9"/>
  <c r="H20" i="9"/>
  <c r="G20" i="9"/>
  <c r="Q19" i="9"/>
  <c r="P19" i="9"/>
  <c r="O19" i="9"/>
  <c r="N19" i="9"/>
  <c r="M19" i="9"/>
  <c r="L19" i="9"/>
  <c r="K19" i="9"/>
  <c r="J19" i="9"/>
  <c r="I19" i="9"/>
  <c r="H19" i="9"/>
  <c r="G19" i="9"/>
  <c r="Q18" i="9"/>
  <c r="P18" i="9"/>
  <c r="P33" i="9" s="1"/>
  <c r="O18" i="9"/>
  <c r="N18" i="9"/>
  <c r="M18" i="9"/>
  <c r="L18" i="9"/>
  <c r="L33" i="9" s="1"/>
  <c r="K18" i="9"/>
  <c r="J18" i="9"/>
  <c r="I18" i="9"/>
  <c r="H18" i="9"/>
  <c r="H33" i="9" s="1"/>
  <c r="G18" i="9"/>
  <c r="Q17" i="9"/>
  <c r="P17" i="9"/>
  <c r="O17" i="9"/>
  <c r="N17" i="9"/>
  <c r="M17" i="9"/>
  <c r="L17" i="9"/>
  <c r="K17" i="9"/>
  <c r="J17" i="9"/>
  <c r="I17" i="9"/>
  <c r="H17" i="9"/>
  <c r="G17" i="9"/>
  <c r="Q16" i="9"/>
  <c r="P16" i="9"/>
  <c r="O16" i="9"/>
  <c r="N16" i="9"/>
  <c r="M16" i="9"/>
  <c r="L16" i="9"/>
  <c r="K16" i="9"/>
  <c r="J16" i="9"/>
  <c r="I16" i="9"/>
  <c r="H16" i="9"/>
  <c r="G16" i="9"/>
  <c r="Q15" i="9"/>
  <c r="P15" i="9"/>
  <c r="O15" i="9"/>
  <c r="N15" i="9"/>
  <c r="M15" i="9"/>
  <c r="L15" i="9"/>
  <c r="K15" i="9"/>
  <c r="J15" i="9"/>
  <c r="I15" i="9"/>
  <c r="H15" i="9"/>
  <c r="G15" i="9"/>
  <c r="Q14" i="9"/>
  <c r="P14" i="9"/>
  <c r="O14" i="9"/>
  <c r="N14" i="9"/>
  <c r="M14" i="9"/>
  <c r="L14" i="9"/>
  <c r="K14" i="9"/>
  <c r="J14" i="9"/>
  <c r="I14" i="9"/>
  <c r="H14" i="9"/>
  <c r="G14" i="9"/>
  <c r="Q13" i="9"/>
  <c r="P13" i="9"/>
  <c r="O13" i="9"/>
  <c r="N13" i="9"/>
  <c r="M13" i="9"/>
  <c r="L13" i="9"/>
  <c r="K13" i="9"/>
  <c r="J13" i="9"/>
  <c r="I13" i="9"/>
  <c r="H13" i="9"/>
  <c r="G13" i="9"/>
  <c r="Q12" i="9"/>
  <c r="P12" i="9"/>
  <c r="O12" i="9"/>
  <c r="N12" i="9"/>
  <c r="M12" i="9"/>
  <c r="L12" i="9"/>
  <c r="K12" i="9"/>
  <c r="J12" i="9"/>
  <c r="I12" i="9"/>
  <c r="H12" i="9"/>
  <c r="G12" i="9"/>
  <c r="Q11" i="9"/>
  <c r="P11" i="9"/>
  <c r="O11" i="9"/>
  <c r="N11" i="9"/>
  <c r="M11" i="9"/>
  <c r="L11" i="9"/>
  <c r="K11" i="9"/>
  <c r="J11" i="9"/>
  <c r="I11" i="9"/>
  <c r="H11" i="9"/>
  <c r="G11" i="9"/>
  <c r="Q10" i="9"/>
  <c r="P10" i="9"/>
  <c r="O10" i="9"/>
  <c r="N10" i="9"/>
  <c r="M10" i="9"/>
  <c r="L10" i="9"/>
  <c r="K10" i="9"/>
  <c r="J10" i="9"/>
  <c r="I10" i="9"/>
  <c r="H10" i="9"/>
  <c r="G10" i="9"/>
  <c r="Q9" i="9"/>
  <c r="P9" i="9"/>
  <c r="O9" i="9"/>
  <c r="N9" i="9"/>
  <c r="M9" i="9"/>
  <c r="L9" i="9"/>
  <c r="K9" i="9"/>
  <c r="J9" i="9"/>
  <c r="I9" i="9"/>
  <c r="H9" i="9"/>
  <c r="G9" i="9"/>
  <c r="Q8" i="9"/>
  <c r="P8" i="9"/>
  <c r="O8" i="9"/>
  <c r="N8" i="9"/>
  <c r="N32" i="9" s="1"/>
  <c r="M8" i="9"/>
  <c r="L8" i="9"/>
  <c r="K8" i="9"/>
  <c r="J8" i="9"/>
  <c r="J32" i="9" s="1"/>
  <c r="I8" i="9"/>
  <c r="H8" i="9"/>
  <c r="G8" i="9"/>
  <c r="Q7" i="9"/>
  <c r="P7" i="9"/>
  <c r="O7" i="9"/>
  <c r="N7" i="9"/>
  <c r="M7" i="9"/>
  <c r="L7" i="9"/>
  <c r="K7" i="9"/>
  <c r="J7" i="9"/>
  <c r="I7" i="9"/>
  <c r="H7" i="9"/>
  <c r="G7" i="9"/>
  <c r="Q6" i="9"/>
  <c r="P6" i="9"/>
  <c r="O6" i="9"/>
  <c r="N6" i="9"/>
  <c r="M6" i="9"/>
  <c r="L6" i="9"/>
  <c r="K6" i="9"/>
  <c r="J6" i="9"/>
  <c r="I6" i="9"/>
  <c r="H6" i="9"/>
  <c r="G6" i="9"/>
  <c r="Q5" i="9"/>
  <c r="P5" i="9"/>
  <c r="P26" i="9" s="1"/>
  <c r="O5" i="9"/>
  <c r="O31" i="9" s="1"/>
  <c r="N5" i="9"/>
  <c r="N26" i="9" s="1"/>
  <c r="M5" i="9"/>
  <c r="L5" i="9"/>
  <c r="L26" i="9" s="1"/>
  <c r="K5" i="9"/>
  <c r="K31" i="9" s="1"/>
  <c r="J5" i="9"/>
  <c r="J26" i="9" s="1"/>
  <c r="I5" i="9"/>
  <c r="H5" i="9"/>
  <c r="H26" i="9" s="1"/>
  <c r="G5" i="9"/>
  <c r="G26" i="9" s="1"/>
  <c r="Q165" i="8"/>
  <c r="Q164" i="8"/>
  <c r="Q159" i="8"/>
  <c r="Q166" i="8" s="1"/>
  <c r="P158" i="8"/>
  <c r="P166" i="8" s="1"/>
  <c r="O158" i="8"/>
  <c r="N158" i="8"/>
  <c r="M158" i="8"/>
  <c r="L158" i="8"/>
  <c r="L166" i="8" s="1"/>
  <c r="K158" i="8"/>
  <c r="J158" i="8"/>
  <c r="I158" i="8"/>
  <c r="H158" i="8"/>
  <c r="G158" i="8"/>
  <c r="P157" i="8"/>
  <c r="P159" i="8" s="1"/>
  <c r="P164" i="8" s="1"/>
  <c r="O157" i="8"/>
  <c r="O159" i="8" s="1"/>
  <c r="O166" i="8" s="1"/>
  <c r="N157" i="8"/>
  <c r="M157" i="8"/>
  <c r="L157" i="8"/>
  <c r="L159" i="8" s="1"/>
  <c r="L164" i="8" s="1"/>
  <c r="K157" i="8"/>
  <c r="K159" i="8" s="1"/>
  <c r="K166" i="8" s="1"/>
  <c r="J157" i="8"/>
  <c r="I157" i="8"/>
  <c r="H157" i="8"/>
  <c r="H159" i="8" s="1"/>
  <c r="H164" i="8" s="1"/>
  <c r="G157" i="8"/>
  <c r="G159" i="8" s="1"/>
  <c r="G166" i="8" s="1"/>
  <c r="P156" i="8"/>
  <c r="O156" i="8"/>
  <c r="N156" i="8"/>
  <c r="N159" i="8" s="1"/>
  <c r="N165" i="8" s="1"/>
  <c r="M156" i="8"/>
  <c r="L156" i="8"/>
  <c r="K156" i="8"/>
  <c r="J156" i="8"/>
  <c r="J159" i="8" s="1"/>
  <c r="J165" i="8" s="1"/>
  <c r="I156" i="8"/>
  <c r="H156" i="8"/>
  <c r="G156" i="8"/>
  <c r="Q151" i="8"/>
  <c r="P151" i="8"/>
  <c r="O151" i="8"/>
  <c r="N151" i="8"/>
  <c r="M151" i="8"/>
  <c r="L151" i="8"/>
  <c r="K151" i="8"/>
  <c r="J151" i="8"/>
  <c r="I151" i="8"/>
  <c r="H151" i="8"/>
  <c r="G151" i="8"/>
  <c r="Q113" i="8"/>
  <c r="Q118" i="8" s="1"/>
  <c r="P112" i="8"/>
  <c r="O112" i="8"/>
  <c r="N112" i="8"/>
  <c r="M112" i="8"/>
  <c r="L112" i="8"/>
  <c r="K112" i="8"/>
  <c r="J112" i="8"/>
  <c r="I112" i="8"/>
  <c r="H112" i="8"/>
  <c r="G112" i="8"/>
  <c r="P111" i="8"/>
  <c r="P113" i="8" s="1"/>
  <c r="P120" i="8" s="1"/>
  <c r="O111" i="8"/>
  <c r="N111" i="8"/>
  <c r="M111" i="8"/>
  <c r="M113" i="8" s="1"/>
  <c r="M118" i="8" s="1"/>
  <c r="L111" i="8"/>
  <c r="L113" i="8" s="1"/>
  <c r="L120" i="8" s="1"/>
  <c r="K111" i="8"/>
  <c r="J111" i="8"/>
  <c r="I111" i="8"/>
  <c r="I113" i="8" s="1"/>
  <c r="I118" i="8" s="1"/>
  <c r="H111" i="8"/>
  <c r="H113" i="8" s="1"/>
  <c r="H120" i="8" s="1"/>
  <c r="G111" i="8"/>
  <c r="P110" i="8"/>
  <c r="P118" i="8" s="1"/>
  <c r="O110" i="8"/>
  <c r="O113" i="8" s="1"/>
  <c r="O119" i="8" s="1"/>
  <c r="N110" i="8"/>
  <c r="M110" i="8"/>
  <c r="L110" i="8"/>
  <c r="L118" i="8" s="1"/>
  <c r="K110" i="8"/>
  <c r="K113" i="8" s="1"/>
  <c r="K119" i="8" s="1"/>
  <c r="J110" i="8"/>
  <c r="I110" i="8"/>
  <c r="H110" i="8"/>
  <c r="H118" i="8" s="1"/>
  <c r="G110" i="8"/>
  <c r="G113" i="8" s="1"/>
  <c r="G119" i="8" s="1"/>
  <c r="Q105" i="8"/>
  <c r="P105" i="8"/>
  <c r="O105" i="8"/>
  <c r="N105" i="8"/>
  <c r="M105" i="8"/>
  <c r="L105" i="8"/>
  <c r="K105" i="8"/>
  <c r="J105" i="8"/>
  <c r="I105" i="8"/>
  <c r="H105" i="8"/>
  <c r="G105" i="8"/>
  <c r="Q25" i="8"/>
  <c r="P25" i="8"/>
  <c r="O25" i="8"/>
  <c r="N25" i="8"/>
  <c r="M25" i="8"/>
  <c r="L25" i="8"/>
  <c r="K25" i="8"/>
  <c r="J25" i="8"/>
  <c r="I25" i="8"/>
  <c r="H25" i="8"/>
  <c r="G25" i="8"/>
  <c r="Q24" i="8"/>
  <c r="P24" i="8"/>
  <c r="O24" i="8"/>
  <c r="N24" i="8"/>
  <c r="M24" i="8"/>
  <c r="L24" i="8"/>
  <c r="K24" i="8"/>
  <c r="J24" i="8"/>
  <c r="I24" i="8"/>
  <c r="H24" i="8"/>
  <c r="G24" i="8"/>
  <c r="Q23" i="8"/>
  <c r="P23" i="8"/>
  <c r="O23" i="8"/>
  <c r="N23" i="8"/>
  <c r="M23" i="8"/>
  <c r="L23" i="8"/>
  <c r="K23" i="8"/>
  <c r="J23" i="8"/>
  <c r="I23" i="8"/>
  <c r="H23" i="8"/>
  <c r="G23" i="8"/>
  <c r="Q22" i="8"/>
  <c r="P22" i="8"/>
  <c r="O22" i="8"/>
  <c r="N22" i="8"/>
  <c r="M22" i="8"/>
  <c r="L22" i="8"/>
  <c r="K22" i="8"/>
  <c r="J22" i="8"/>
  <c r="I22" i="8"/>
  <c r="H22" i="8"/>
  <c r="G22" i="8"/>
  <c r="Q21" i="8"/>
  <c r="P21" i="8"/>
  <c r="O21" i="8"/>
  <c r="N21" i="8"/>
  <c r="M21" i="8"/>
  <c r="L21" i="8"/>
  <c r="K21" i="8"/>
  <c r="J21" i="8"/>
  <c r="I21" i="8"/>
  <c r="H21" i="8"/>
  <c r="G21" i="8"/>
  <c r="Q20" i="8"/>
  <c r="P20" i="8"/>
  <c r="P33" i="8" s="1"/>
  <c r="O20" i="8"/>
  <c r="N20" i="8"/>
  <c r="M20" i="8"/>
  <c r="L20" i="8"/>
  <c r="L33" i="8" s="1"/>
  <c r="K20" i="8"/>
  <c r="J20" i="8"/>
  <c r="I20" i="8"/>
  <c r="H20" i="8"/>
  <c r="H33" i="8" s="1"/>
  <c r="G20" i="8"/>
  <c r="Q19" i="8"/>
  <c r="P19" i="8"/>
  <c r="O19" i="8"/>
  <c r="N19" i="8"/>
  <c r="M19" i="8"/>
  <c r="L19" i="8"/>
  <c r="K19" i="8"/>
  <c r="J19" i="8"/>
  <c r="I19" i="8"/>
  <c r="H19" i="8"/>
  <c r="G19" i="8"/>
  <c r="Q18" i="8"/>
  <c r="P18" i="8"/>
  <c r="O18" i="8"/>
  <c r="N18" i="8"/>
  <c r="N33" i="8" s="1"/>
  <c r="M18" i="8"/>
  <c r="L18" i="8"/>
  <c r="K18" i="8"/>
  <c r="J18" i="8"/>
  <c r="J33" i="8" s="1"/>
  <c r="I18" i="8"/>
  <c r="H18" i="8"/>
  <c r="G18" i="8"/>
  <c r="Q17" i="8"/>
  <c r="P17" i="8"/>
  <c r="O17" i="8"/>
  <c r="N17" i="8"/>
  <c r="M17" i="8"/>
  <c r="L17" i="8"/>
  <c r="K17" i="8"/>
  <c r="J17" i="8"/>
  <c r="I17" i="8"/>
  <c r="H17" i="8"/>
  <c r="G17" i="8"/>
  <c r="Q16" i="8"/>
  <c r="P16" i="8"/>
  <c r="O16" i="8"/>
  <c r="N16" i="8"/>
  <c r="M16" i="8"/>
  <c r="L16" i="8"/>
  <c r="K16" i="8"/>
  <c r="J16" i="8"/>
  <c r="I16" i="8"/>
  <c r="H16" i="8"/>
  <c r="G16" i="8"/>
  <c r="Q15" i="8"/>
  <c r="P15" i="8"/>
  <c r="O15" i="8"/>
  <c r="N15" i="8"/>
  <c r="M15" i="8"/>
  <c r="L15" i="8"/>
  <c r="K15" i="8"/>
  <c r="J15" i="8"/>
  <c r="I15" i="8"/>
  <c r="H15" i="8"/>
  <c r="G15" i="8"/>
  <c r="Q14" i="8"/>
  <c r="P14" i="8"/>
  <c r="O14" i="8"/>
  <c r="N14" i="8"/>
  <c r="M14" i="8"/>
  <c r="L14" i="8"/>
  <c r="K14" i="8"/>
  <c r="J14" i="8"/>
  <c r="I14" i="8"/>
  <c r="H14" i="8"/>
  <c r="G14" i="8"/>
  <c r="Q13" i="8"/>
  <c r="P13" i="8"/>
  <c r="O13" i="8"/>
  <c r="N13" i="8"/>
  <c r="M13" i="8"/>
  <c r="L13" i="8"/>
  <c r="K13" i="8"/>
  <c r="J13" i="8"/>
  <c r="I13" i="8"/>
  <c r="H13" i="8"/>
  <c r="G13" i="8"/>
  <c r="Q12" i="8"/>
  <c r="P12" i="8"/>
  <c r="O12" i="8"/>
  <c r="N12" i="8"/>
  <c r="M12" i="8"/>
  <c r="L12" i="8"/>
  <c r="K12" i="8"/>
  <c r="J12" i="8"/>
  <c r="I12" i="8"/>
  <c r="H12" i="8"/>
  <c r="G12" i="8"/>
  <c r="Q11" i="8"/>
  <c r="P11" i="8"/>
  <c r="O11" i="8"/>
  <c r="N11" i="8"/>
  <c r="M11" i="8"/>
  <c r="L11" i="8"/>
  <c r="K11" i="8"/>
  <c r="J11" i="8"/>
  <c r="I11" i="8"/>
  <c r="H11" i="8"/>
  <c r="G11" i="8"/>
  <c r="Q10" i="8"/>
  <c r="P10" i="8"/>
  <c r="O10" i="8"/>
  <c r="N10" i="8"/>
  <c r="M10" i="8"/>
  <c r="L10" i="8"/>
  <c r="K10" i="8"/>
  <c r="J10" i="8"/>
  <c r="I10" i="8"/>
  <c r="H10" i="8"/>
  <c r="G10" i="8"/>
  <c r="Q9" i="8"/>
  <c r="P9" i="8"/>
  <c r="O9" i="8"/>
  <c r="N9" i="8"/>
  <c r="M9" i="8"/>
  <c r="L9" i="8"/>
  <c r="K9" i="8"/>
  <c r="J9" i="8"/>
  <c r="I9" i="8"/>
  <c r="H9" i="8"/>
  <c r="G9" i="8"/>
  <c r="Q8" i="8"/>
  <c r="P8" i="8"/>
  <c r="P32" i="8" s="1"/>
  <c r="O8" i="8"/>
  <c r="N8" i="8"/>
  <c r="M8" i="8"/>
  <c r="L8" i="8"/>
  <c r="L32" i="8" s="1"/>
  <c r="K8" i="8"/>
  <c r="J8" i="8"/>
  <c r="I8" i="8"/>
  <c r="H8" i="8"/>
  <c r="H32" i="8" s="1"/>
  <c r="G8" i="8"/>
  <c r="Q7" i="8"/>
  <c r="P7" i="8"/>
  <c r="O7" i="8"/>
  <c r="N7" i="8"/>
  <c r="M7" i="8"/>
  <c r="L7" i="8"/>
  <c r="K7" i="8"/>
  <c r="J7" i="8"/>
  <c r="I7" i="8"/>
  <c r="H7" i="8"/>
  <c r="G7" i="8"/>
  <c r="Q6" i="8"/>
  <c r="P6" i="8"/>
  <c r="O6" i="8"/>
  <c r="N6" i="8"/>
  <c r="N26" i="8" s="1"/>
  <c r="M6" i="8"/>
  <c r="L6" i="8"/>
  <c r="K6" i="8"/>
  <c r="J6" i="8"/>
  <c r="J26" i="8" s="1"/>
  <c r="I6" i="8"/>
  <c r="H6" i="8"/>
  <c r="G6" i="8"/>
  <c r="Q5" i="8"/>
  <c r="P5" i="8"/>
  <c r="O5" i="8"/>
  <c r="N5" i="8"/>
  <c r="M5" i="8"/>
  <c r="L5" i="8"/>
  <c r="K5" i="8"/>
  <c r="J5" i="8"/>
  <c r="I5" i="8"/>
  <c r="H5" i="8"/>
  <c r="G5" i="8"/>
  <c r="Q159" i="7"/>
  <c r="Q166" i="7" s="1"/>
  <c r="P158" i="7"/>
  <c r="P166" i="7" s="1"/>
  <c r="O158" i="7"/>
  <c r="N158" i="7"/>
  <c r="M158" i="7"/>
  <c r="L158" i="7"/>
  <c r="K158" i="7"/>
  <c r="J158" i="7"/>
  <c r="I158" i="7"/>
  <c r="H158" i="7"/>
  <c r="G158" i="7"/>
  <c r="P157" i="7"/>
  <c r="P159" i="7" s="1"/>
  <c r="P164" i="7" s="1"/>
  <c r="O157" i="7"/>
  <c r="N157" i="7"/>
  <c r="M157" i="7"/>
  <c r="L157" i="7"/>
  <c r="L159" i="7" s="1"/>
  <c r="K157" i="7"/>
  <c r="J157" i="7"/>
  <c r="I157" i="7"/>
  <c r="H157" i="7"/>
  <c r="H159" i="7" s="1"/>
  <c r="G157" i="7"/>
  <c r="P156" i="7"/>
  <c r="O156" i="7"/>
  <c r="N156" i="7"/>
  <c r="N159" i="7" s="1"/>
  <c r="M156" i="7"/>
  <c r="L156" i="7"/>
  <c r="K156" i="7"/>
  <c r="J156" i="7"/>
  <c r="J159" i="7" s="1"/>
  <c r="I156" i="7"/>
  <c r="H156" i="7"/>
  <c r="G156" i="7"/>
  <c r="Q151" i="7"/>
  <c r="P151" i="7"/>
  <c r="O151" i="7"/>
  <c r="N151" i="7"/>
  <c r="M151" i="7"/>
  <c r="L151" i="7"/>
  <c r="K151" i="7"/>
  <c r="J151" i="7"/>
  <c r="I151" i="7"/>
  <c r="H151" i="7"/>
  <c r="G151" i="7"/>
  <c r="Q120" i="7"/>
  <c r="Q118" i="7"/>
  <c r="O118" i="7"/>
  <c r="K118" i="7"/>
  <c r="Q113" i="7"/>
  <c r="Q119" i="7" s="1"/>
  <c r="N113" i="7"/>
  <c r="J113" i="7"/>
  <c r="P112" i="7"/>
  <c r="O112" i="7"/>
  <c r="N112" i="7"/>
  <c r="N120" i="7" s="1"/>
  <c r="M112" i="7"/>
  <c r="L112" i="7"/>
  <c r="K112" i="7"/>
  <c r="J112" i="7"/>
  <c r="I112" i="7"/>
  <c r="H112" i="7"/>
  <c r="G112" i="7"/>
  <c r="P111" i="7"/>
  <c r="O111" i="7"/>
  <c r="N111" i="7"/>
  <c r="M111" i="7"/>
  <c r="M113" i="7" s="1"/>
  <c r="M118" i="7" s="1"/>
  <c r="L111" i="7"/>
  <c r="K111" i="7"/>
  <c r="J111" i="7"/>
  <c r="I111" i="7"/>
  <c r="I113" i="7" s="1"/>
  <c r="I118" i="7" s="1"/>
  <c r="H111" i="7"/>
  <c r="G111" i="7"/>
  <c r="P110" i="7"/>
  <c r="O110" i="7"/>
  <c r="O113" i="7" s="1"/>
  <c r="N110" i="7"/>
  <c r="N118" i="7" s="1"/>
  <c r="M110" i="7"/>
  <c r="L110" i="7"/>
  <c r="K110" i="7"/>
  <c r="K113" i="7" s="1"/>
  <c r="J110" i="7"/>
  <c r="I110" i="7"/>
  <c r="H110" i="7"/>
  <c r="G110" i="7"/>
  <c r="G113" i="7" s="1"/>
  <c r="Q105" i="7"/>
  <c r="P105" i="7"/>
  <c r="O105" i="7"/>
  <c r="N105" i="7"/>
  <c r="M105" i="7"/>
  <c r="L105" i="7"/>
  <c r="K105" i="7"/>
  <c r="J105" i="7"/>
  <c r="I105" i="7"/>
  <c r="H105" i="7"/>
  <c r="G105" i="7"/>
  <c r="Q25" i="7"/>
  <c r="P25" i="7"/>
  <c r="O25" i="7"/>
  <c r="N25" i="7"/>
  <c r="M25" i="7"/>
  <c r="L25" i="7"/>
  <c r="K25" i="7"/>
  <c r="J25" i="7"/>
  <c r="I25" i="7"/>
  <c r="H25" i="7"/>
  <c r="G25" i="7"/>
  <c r="Q24" i="7"/>
  <c r="P24" i="7"/>
  <c r="O24" i="7"/>
  <c r="N24" i="7"/>
  <c r="M24" i="7"/>
  <c r="L24" i="7"/>
  <c r="K24" i="7"/>
  <c r="J24" i="7"/>
  <c r="I24" i="7"/>
  <c r="H24" i="7"/>
  <c r="G24" i="7"/>
  <c r="Q23" i="7"/>
  <c r="P23" i="7"/>
  <c r="O23" i="7"/>
  <c r="N23" i="7"/>
  <c r="M23" i="7"/>
  <c r="L23" i="7"/>
  <c r="K23" i="7"/>
  <c r="J23" i="7"/>
  <c r="I23" i="7"/>
  <c r="H23" i="7"/>
  <c r="G23" i="7"/>
  <c r="Q22" i="7"/>
  <c r="P22" i="7"/>
  <c r="O22" i="7"/>
  <c r="N22" i="7"/>
  <c r="M22" i="7"/>
  <c r="L22" i="7"/>
  <c r="K22" i="7"/>
  <c r="J22" i="7"/>
  <c r="I22" i="7"/>
  <c r="H22" i="7"/>
  <c r="G22" i="7"/>
  <c r="Q21" i="7"/>
  <c r="P21" i="7"/>
  <c r="O21" i="7"/>
  <c r="N21" i="7"/>
  <c r="N33" i="7" s="1"/>
  <c r="M21" i="7"/>
  <c r="L21" i="7"/>
  <c r="K21" i="7"/>
  <c r="J21" i="7"/>
  <c r="J33" i="7" s="1"/>
  <c r="I21" i="7"/>
  <c r="H21" i="7"/>
  <c r="G21" i="7"/>
  <c r="Q20" i="7"/>
  <c r="P20" i="7"/>
  <c r="O20" i="7"/>
  <c r="N20" i="7"/>
  <c r="M20" i="7"/>
  <c r="L20" i="7"/>
  <c r="K20" i="7"/>
  <c r="J20" i="7"/>
  <c r="I20" i="7"/>
  <c r="H20" i="7"/>
  <c r="G20" i="7"/>
  <c r="Q19" i="7"/>
  <c r="P19" i="7"/>
  <c r="P33" i="7" s="1"/>
  <c r="O19" i="7"/>
  <c r="N19" i="7"/>
  <c r="M19" i="7"/>
  <c r="L19" i="7"/>
  <c r="L33" i="7" s="1"/>
  <c r="K19" i="7"/>
  <c r="J19" i="7"/>
  <c r="I19" i="7"/>
  <c r="H19" i="7"/>
  <c r="H33" i="7" s="1"/>
  <c r="G19" i="7"/>
  <c r="Q18" i="7"/>
  <c r="P18" i="7"/>
  <c r="O18" i="7"/>
  <c r="O33" i="7" s="1"/>
  <c r="N18" i="7"/>
  <c r="M18" i="7"/>
  <c r="L18" i="7"/>
  <c r="K18" i="7"/>
  <c r="K33" i="7" s="1"/>
  <c r="J18" i="7"/>
  <c r="I18" i="7"/>
  <c r="H18" i="7"/>
  <c r="G18" i="7"/>
  <c r="G33" i="7" s="1"/>
  <c r="Q17" i="7"/>
  <c r="P17" i="7"/>
  <c r="O17" i="7"/>
  <c r="N17" i="7"/>
  <c r="M17" i="7"/>
  <c r="L17" i="7"/>
  <c r="K17" i="7"/>
  <c r="J17" i="7"/>
  <c r="I17" i="7"/>
  <c r="H17" i="7"/>
  <c r="G17" i="7"/>
  <c r="Q16" i="7"/>
  <c r="P16" i="7"/>
  <c r="O16" i="7"/>
  <c r="N16" i="7"/>
  <c r="M16" i="7"/>
  <c r="L16" i="7"/>
  <c r="K16" i="7"/>
  <c r="J16" i="7"/>
  <c r="I16" i="7"/>
  <c r="H16" i="7"/>
  <c r="G16" i="7"/>
  <c r="Q15" i="7"/>
  <c r="P15" i="7"/>
  <c r="O15" i="7"/>
  <c r="N15" i="7"/>
  <c r="M15" i="7"/>
  <c r="L15" i="7"/>
  <c r="K15" i="7"/>
  <c r="J15" i="7"/>
  <c r="I15" i="7"/>
  <c r="H15" i="7"/>
  <c r="G15" i="7"/>
  <c r="Q14" i="7"/>
  <c r="P14" i="7"/>
  <c r="O14" i="7"/>
  <c r="N14" i="7"/>
  <c r="M14" i="7"/>
  <c r="L14" i="7"/>
  <c r="K14" i="7"/>
  <c r="J14" i="7"/>
  <c r="I14" i="7"/>
  <c r="H14" i="7"/>
  <c r="G14" i="7"/>
  <c r="Q13" i="7"/>
  <c r="P13" i="7"/>
  <c r="O13" i="7"/>
  <c r="N13" i="7"/>
  <c r="M13" i="7"/>
  <c r="L13" i="7"/>
  <c r="K13" i="7"/>
  <c r="J13" i="7"/>
  <c r="I13" i="7"/>
  <c r="H13" i="7"/>
  <c r="G13" i="7"/>
  <c r="Q12" i="7"/>
  <c r="P12" i="7"/>
  <c r="O12" i="7"/>
  <c r="N12" i="7"/>
  <c r="M12" i="7"/>
  <c r="L12" i="7"/>
  <c r="K12" i="7"/>
  <c r="J12" i="7"/>
  <c r="I12" i="7"/>
  <c r="H12" i="7"/>
  <c r="G12" i="7"/>
  <c r="Q11" i="7"/>
  <c r="P11" i="7"/>
  <c r="O11" i="7"/>
  <c r="N11" i="7"/>
  <c r="M11" i="7"/>
  <c r="L11" i="7"/>
  <c r="K11" i="7"/>
  <c r="J11" i="7"/>
  <c r="I11" i="7"/>
  <c r="H11" i="7"/>
  <c r="G11" i="7"/>
  <c r="Q10" i="7"/>
  <c r="P10" i="7"/>
  <c r="O10" i="7"/>
  <c r="N10" i="7"/>
  <c r="M10" i="7"/>
  <c r="L10" i="7"/>
  <c r="K10" i="7"/>
  <c r="J10" i="7"/>
  <c r="I10" i="7"/>
  <c r="H10" i="7"/>
  <c r="G10" i="7"/>
  <c r="Q9" i="7"/>
  <c r="P9" i="7"/>
  <c r="O9" i="7"/>
  <c r="N9" i="7"/>
  <c r="M9" i="7"/>
  <c r="L9" i="7"/>
  <c r="K9" i="7"/>
  <c r="J9" i="7"/>
  <c r="I9" i="7"/>
  <c r="H9" i="7"/>
  <c r="G9" i="7"/>
  <c r="Q8" i="7"/>
  <c r="Q32" i="7" s="1"/>
  <c r="P8" i="7"/>
  <c r="O8" i="7"/>
  <c r="N8" i="7"/>
  <c r="M8" i="7"/>
  <c r="M32" i="7" s="1"/>
  <c r="L8" i="7"/>
  <c r="K8" i="7"/>
  <c r="J8" i="7"/>
  <c r="I8" i="7"/>
  <c r="I32" i="7" s="1"/>
  <c r="H8" i="7"/>
  <c r="G8" i="7"/>
  <c r="Q7" i="7"/>
  <c r="P7" i="7"/>
  <c r="O7" i="7"/>
  <c r="N7" i="7"/>
  <c r="M7" i="7"/>
  <c r="L7" i="7"/>
  <c r="L31" i="7" s="1"/>
  <c r="K7" i="7"/>
  <c r="J7" i="7"/>
  <c r="I7" i="7"/>
  <c r="H7" i="7"/>
  <c r="H31" i="7" s="1"/>
  <c r="G7" i="7"/>
  <c r="Q6" i="7"/>
  <c r="P6" i="7"/>
  <c r="O6" i="7"/>
  <c r="O26" i="7" s="1"/>
  <c r="N6" i="7"/>
  <c r="M6" i="7"/>
  <c r="L6" i="7"/>
  <c r="K6" i="7"/>
  <c r="K26" i="7" s="1"/>
  <c r="J6" i="7"/>
  <c r="I6" i="7"/>
  <c r="H6" i="7"/>
  <c r="G6" i="7"/>
  <c r="G26" i="7" s="1"/>
  <c r="Q5" i="7"/>
  <c r="Q31" i="7" s="1"/>
  <c r="P5" i="7"/>
  <c r="O5" i="7"/>
  <c r="N5" i="7"/>
  <c r="M5" i="7"/>
  <c r="M31" i="7" s="1"/>
  <c r="L5" i="7"/>
  <c r="K5" i="7"/>
  <c r="J5" i="7"/>
  <c r="I5" i="7"/>
  <c r="I31" i="7" s="1"/>
  <c r="H5" i="7"/>
  <c r="G5" i="7"/>
  <c r="Q166" i="6"/>
  <c r="I166" i="6"/>
  <c r="Q164" i="6"/>
  <c r="O164" i="6"/>
  <c r="M164" i="6"/>
  <c r="Q159" i="6"/>
  <c r="Q165" i="6" s="1"/>
  <c r="L159" i="6"/>
  <c r="L165" i="6" s="1"/>
  <c r="P158" i="6"/>
  <c r="O158" i="6"/>
  <c r="N158" i="6"/>
  <c r="M158" i="6"/>
  <c r="L158" i="6"/>
  <c r="K158" i="6"/>
  <c r="J158" i="6"/>
  <c r="I158" i="6"/>
  <c r="H158" i="6"/>
  <c r="G158" i="6"/>
  <c r="P157" i="6"/>
  <c r="O157" i="6"/>
  <c r="N157" i="6"/>
  <c r="N165" i="6" s="1"/>
  <c r="M157" i="6"/>
  <c r="M165" i="6" s="1"/>
  <c r="L157" i="6"/>
  <c r="K157" i="6"/>
  <c r="J157" i="6"/>
  <c r="I157" i="6"/>
  <c r="I165" i="6" s="1"/>
  <c r="H157" i="6"/>
  <c r="G157" i="6"/>
  <c r="P156" i="6"/>
  <c r="O156" i="6"/>
  <c r="O159" i="6" s="1"/>
  <c r="O166" i="6" s="1"/>
  <c r="N156" i="6"/>
  <c r="N159" i="6" s="1"/>
  <c r="M156" i="6"/>
  <c r="M159" i="6" s="1"/>
  <c r="M166" i="6" s="1"/>
  <c r="L156" i="6"/>
  <c r="K156" i="6"/>
  <c r="K159" i="6" s="1"/>
  <c r="J156" i="6"/>
  <c r="I156" i="6"/>
  <c r="I159" i="6" s="1"/>
  <c r="I164" i="6" s="1"/>
  <c r="H156" i="6"/>
  <c r="G156" i="6"/>
  <c r="G159" i="6" s="1"/>
  <c r="G166" i="6" s="1"/>
  <c r="Q151" i="6"/>
  <c r="P151" i="6"/>
  <c r="O151" i="6"/>
  <c r="N151" i="6"/>
  <c r="M151" i="6"/>
  <c r="L151" i="6"/>
  <c r="K151" i="6"/>
  <c r="J151" i="6"/>
  <c r="I151" i="6"/>
  <c r="H151" i="6"/>
  <c r="G151" i="6"/>
  <c r="P120" i="6"/>
  <c r="H120" i="6"/>
  <c r="L118" i="6"/>
  <c r="Q113" i="6"/>
  <c r="O113" i="6"/>
  <c r="I113" i="6"/>
  <c r="I119" i="6" s="1"/>
  <c r="P112" i="6"/>
  <c r="O112" i="6"/>
  <c r="N112" i="6"/>
  <c r="M112" i="6"/>
  <c r="L112" i="6"/>
  <c r="K112" i="6"/>
  <c r="J112" i="6"/>
  <c r="I112" i="6"/>
  <c r="H112" i="6"/>
  <c r="G112" i="6"/>
  <c r="P111" i="6"/>
  <c r="P119" i="6" s="1"/>
  <c r="O111" i="6"/>
  <c r="N111" i="6"/>
  <c r="M111" i="6"/>
  <c r="L111" i="6"/>
  <c r="L119" i="6" s="1"/>
  <c r="K111" i="6"/>
  <c r="J111" i="6"/>
  <c r="I111" i="6"/>
  <c r="H111" i="6"/>
  <c r="H119" i="6" s="1"/>
  <c r="G111" i="6"/>
  <c r="P110" i="6"/>
  <c r="P113" i="6" s="1"/>
  <c r="P118" i="6" s="1"/>
  <c r="O110" i="6"/>
  <c r="N110" i="6"/>
  <c r="N113" i="6" s="1"/>
  <c r="N120" i="6" s="1"/>
  <c r="M110" i="6"/>
  <c r="L110" i="6"/>
  <c r="L113" i="6" s="1"/>
  <c r="L120" i="6" s="1"/>
  <c r="K110" i="6"/>
  <c r="J110" i="6"/>
  <c r="J113" i="6" s="1"/>
  <c r="I110" i="6"/>
  <c r="H110" i="6"/>
  <c r="H113" i="6" s="1"/>
  <c r="H118" i="6" s="1"/>
  <c r="G110" i="6"/>
  <c r="Q105" i="6"/>
  <c r="P105" i="6"/>
  <c r="O105" i="6"/>
  <c r="N105" i="6"/>
  <c r="M105" i="6"/>
  <c r="L105" i="6"/>
  <c r="K105" i="6"/>
  <c r="J105" i="6"/>
  <c r="I105" i="6"/>
  <c r="H105" i="6"/>
  <c r="G105" i="6"/>
  <c r="K33" i="6"/>
  <c r="J33" i="6"/>
  <c r="N32" i="6"/>
  <c r="M32" i="6"/>
  <c r="Q31" i="6"/>
  <c r="P31" i="6"/>
  <c r="I31" i="6"/>
  <c r="H31" i="6"/>
  <c r="L26" i="6"/>
  <c r="K26" i="6"/>
  <c r="Q25" i="6"/>
  <c r="P25" i="6"/>
  <c r="O25" i="6"/>
  <c r="N25" i="6"/>
  <c r="M25" i="6"/>
  <c r="L25" i="6"/>
  <c r="K25" i="6"/>
  <c r="J25" i="6"/>
  <c r="I25" i="6"/>
  <c r="H25" i="6"/>
  <c r="G25" i="6"/>
  <c r="Q24" i="6"/>
  <c r="P24" i="6"/>
  <c r="O24" i="6"/>
  <c r="N24" i="6"/>
  <c r="M24" i="6"/>
  <c r="L24" i="6"/>
  <c r="K24" i="6"/>
  <c r="J24" i="6"/>
  <c r="I24" i="6"/>
  <c r="H24" i="6"/>
  <c r="G24" i="6"/>
  <c r="Q23" i="6"/>
  <c r="P23" i="6"/>
  <c r="O23" i="6"/>
  <c r="N23" i="6"/>
  <c r="M23" i="6"/>
  <c r="L23" i="6"/>
  <c r="K23" i="6"/>
  <c r="J23" i="6"/>
  <c r="I23" i="6"/>
  <c r="H23" i="6"/>
  <c r="G23" i="6"/>
  <c r="Q22" i="6"/>
  <c r="P22" i="6"/>
  <c r="O22" i="6"/>
  <c r="N22" i="6"/>
  <c r="M22" i="6"/>
  <c r="L22" i="6"/>
  <c r="K22" i="6"/>
  <c r="J22" i="6"/>
  <c r="I22" i="6"/>
  <c r="H22" i="6"/>
  <c r="G22" i="6"/>
  <c r="Q21" i="6"/>
  <c r="P21" i="6"/>
  <c r="O21" i="6"/>
  <c r="N21" i="6"/>
  <c r="M21" i="6"/>
  <c r="L21" i="6"/>
  <c r="K21" i="6"/>
  <c r="J21" i="6"/>
  <c r="I21" i="6"/>
  <c r="H21" i="6"/>
  <c r="G21" i="6"/>
  <c r="Q20" i="6"/>
  <c r="P20" i="6"/>
  <c r="O20" i="6"/>
  <c r="N20" i="6"/>
  <c r="N33" i="6" s="1"/>
  <c r="M20" i="6"/>
  <c r="L20" i="6"/>
  <c r="K20" i="6"/>
  <c r="J20" i="6"/>
  <c r="I20" i="6"/>
  <c r="H20" i="6"/>
  <c r="G20" i="6"/>
  <c r="Q19" i="6"/>
  <c r="P19" i="6"/>
  <c r="O19" i="6"/>
  <c r="N19" i="6"/>
  <c r="M19" i="6"/>
  <c r="L19" i="6"/>
  <c r="K19" i="6"/>
  <c r="J19" i="6"/>
  <c r="I19" i="6"/>
  <c r="H19" i="6"/>
  <c r="G19" i="6"/>
  <c r="Q18" i="6"/>
  <c r="Q33" i="6" s="1"/>
  <c r="P18" i="6"/>
  <c r="P33" i="6" s="1"/>
  <c r="O18" i="6"/>
  <c r="O33" i="6" s="1"/>
  <c r="N18" i="6"/>
  <c r="M18" i="6"/>
  <c r="M33" i="6" s="1"/>
  <c r="L18" i="6"/>
  <c r="L33" i="6" s="1"/>
  <c r="K18" i="6"/>
  <c r="J18" i="6"/>
  <c r="I18" i="6"/>
  <c r="I33" i="6" s="1"/>
  <c r="H18" i="6"/>
  <c r="H33" i="6" s="1"/>
  <c r="G18" i="6"/>
  <c r="G33" i="6" s="1"/>
  <c r="Q17" i="6"/>
  <c r="P17" i="6"/>
  <c r="O17" i="6"/>
  <c r="N17" i="6"/>
  <c r="M17" i="6"/>
  <c r="L17" i="6"/>
  <c r="K17" i="6"/>
  <c r="J17" i="6"/>
  <c r="I17" i="6"/>
  <c r="H17" i="6"/>
  <c r="G17" i="6"/>
  <c r="Q16" i="6"/>
  <c r="P16" i="6"/>
  <c r="O16" i="6"/>
  <c r="N16" i="6"/>
  <c r="M16" i="6"/>
  <c r="L16" i="6"/>
  <c r="K16" i="6"/>
  <c r="J16" i="6"/>
  <c r="I16" i="6"/>
  <c r="H16" i="6"/>
  <c r="G16" i="6"/>
  <c r="Q15" i="6"/>
  <c r="P15" i="6"/>
  <c r="O15" i="6"/>
  <c r="N15" i="6"/>
  <c r="M15" i="6"/>
  <c r="L15" i="6"/>
  <c r="K15" i="6"/>
  <c r="J15" i="6"/>
  <c r="I15" i="6"/>
  <c r="H15" i="6"/>
  <c r="G15" i="6"/>
  <c r="Q14" i="6"/>
  <c r="P14" i="6"/>
  <c r="O14" i="6"/>
  <c r="N14" i="6"/>
  <c r="M14" i="6"/>
  <c r="L14" i="6"/>
  <c r="K14" i="6"/>
  <c r="J14" i="6"/>
  <c r="I14" i="6"/>
  <c r="H14" i="6"/>
  <c r="G14" i="6"/>
  <c r="Q13" i="6"/>
  <c r="P13" i="6"/>
  <c r="O13" i="6"/>
  <c r="N13" i="6"/>
  <c r="M13" i="6"/>
  <c r="L13" i="6"/>
  <c r="K13" i="6"/>
  <c r="J13" i="6"/>
  <c r="I13" i="6"/>
  <c r="H13" i="6"/>
  <c r="G13" i="6"/>
  <c r="Q12" i="6"/>
  <c r="P12" i="6"/>
  <c r="O12" i="6"/>
  <c r="N12" i="6"/>
  <c r="M12" i="6"/>
  <c r="L12" i="6"/>
  <c r="K12" i="6"/>
  <c r="J12" i="6"/>
  <c r="I12" i="6"/>
  <c r="H12" i="6"/>
  <c r="G12" i="6"/>
  <c r="Q11" i="6"/>
  <c r="P11" i="6"/>
  <c r="O11" i="6"/>
  <c r="N11" i="6"/>
  <c r="M11" i="6"/>
  <c r="L11" i="6"/>
  <c r="K11" i="6"/>
  <c r="J11" i="6"/>
  <c r="I11" i="6"/>
  <c r="H11" i="6"/>
  <c r="G11" i="6"/>
  <c r="Q10" i="6"/>
  <c r="P10" i="6"/>
  <c r="O10" i="6"/>
  <c r="N10" i="6"/>
  <c r="M10" i="6"/>
  <c r="L10" i="6"/>
  <c r="K10" i="6"/>
  <c r="J10" i="6"/>
  <c r="I10" i="6"/>
  <c r="H10" i="6"/>
  <c r="G10" i="6"/>
  <c r="Q9" i="6"/>
  <c r="P9" i="6"/>
  <c r="O9" i="6"/>
  <c r="N9" i="6"/>
  <c r="M9" i="6"/>
  <c r="L9" i="6"/>
  <c r="K9" i="6"/>
  <c r="J9" i="6"/>
  <c r="I9" i="6"/>
  <c r="H9" i="6"/>
  <c r="G9" i="6"/>
  <c r="Q8" i="6"/>
  <c r="Q32" i="6" s="1"/>
  <c r="P8" i="6"/>
  <c r="P32" i="6" s="1"/>
  <c r="P34" i="6" s="1"/>
  <c r="O8" i="6"/>
  <c r="O32" i="6" s="1"/>
  <c r="N8" i="6"/>
  <c r="M8" i="6"/>
  <c r="L8" i="6"/>
  <c r="L32" i="6" s="1"/>
  <c r="K8" i="6"/>
  <c r="K32" i="6" s="1"/>
  <c r="J8" i="6"/>
  <c r="J32" i="6" s="1"/>
  <c r="I8" i="6"/>
  <c r="I32" i="6" s="1"/>
  <c r="H8" i="6"/>
  <c r="H32" i="6" s="1"/>
  <c r="H34" i="6" s="1"/>
  <c r="G8" i="6"/>
  <c r="G32" i="6" s="1"/>
  <c r="Q7" i="6"/>
  <c r="P7" i="6"/>
  <c r="O7" i="6"/>
  <c r="N7" i="6"/>
  <c r="M7" i="6"/>
  <c r="M31" i="6" s="1"/>
  <c r="L7" i="6"/>
  <c r="K7" i="6"/>
  <c r="J7" i="6"/>
  <c r="I7" i="6"/>
  <c r="H7" i="6"/>
  <c r="G7" i="6"/>
  <c r="Q6" i="6"/>
  <c r="P6" i="6"/>
  <c r="P26" i="6" s="1"/>
  <c r="O6" i="6"/>
  <c r="N6" i="6"/>
  <c r="M6" i="6"/>
  <c r="L6" i="6"/>
  <c r="L31" i="6" s="1"/>
  <c r="K6" i="6"/>
  <c r="J6" i="6"/>
  <c r="I6" i="6"/>
  <c r="H6" i="6"/>
  <c r="H26" i="6" s="1"/>
  <c r="G6" i="6"/>
  <c r="Q5" i="6"/>
  <c r="Q26" i="6" s="1"/>
  <c r="P5" i="6"/>
  <c r="O5" i="6"/>
  <c r="O31" i="6" s="1"/>
  <c r="N5" i="6"/>
  <c r="M5" i="6"/>
  <c r="M26" i="6" s="1"/>
  <c r="L5" i="6"/>
  <c r="K5" i="6"/>
  <c r="K31" i="6" s="1"/>
  <c r="J5" i="6"/>
  <c r="I5" i="6"/>
  <c r="I26" i="6" s="1"/>
  <c r="H5" i="6"/>
  <c r="G5" i="6"/>
  <c r="G31" i="6" s="1"/>
  <c r="Q166" i="5"/>
  <c r="Q165" i="5"/>
  <c r="P165" i="5"/>
  <c r="H165" i="5"/>
  <c r="L164" i="5"/>
  <c r="Q159" i="5"/>
  <c r="Q164" i="5" s="1"/>
  <c r="J159" i="5"/>
  <c r="J166" i="5" s="1"/>
  <c r="P158" i="5"/>
  <c r="O158" i="5"/>
  <c r="N158" i="5"/>
  <c r="M158" i="5"/>
  <c r="L158" i="5"/>
  <c r="K158" i="5"/>
  <c r="J158" i="5"/>
  <c r="I158" i="5"/>
  <c r="H158" i="5"/>
  <c r="G158" i="5"/>
  <c r="P157" i="5"/>
  <c r="O157" i="5"/>
  <c r="N157" i="5"/>
  <c r="M157" i="5"/>
  <c r="L157" i="5"/>
  <c r="K157" i="5"/>
  <c r="K159" i="5" s="1"/>
  <c r="K164" i="5" s="1"/>
  <c r="J157" i="5"/>
  <c r="I157" i="5"/>
  <c r="H157" i="5"/>
  <c r="G157" i="5"/>
  <c r="P156" i="5"/>
  <c r="P159" i="5" s="1"/>
  <c r="O156" i="5"/>
  <c r="N156" i="5"/>
  <c r="M156" i="5"/>
  <c r="L156" i="5"/>
  <c r="L159" i="5" s="1"/>
  <c r="L165" i="5" s="1"/>
  <c r="K156" i="5"/>
  <c r="J156" i="5"/>
  <c r="J164" i="5" s="1"/>
  <c r="I156" i="5"/>
  <c r="H156" i="5"/>
  <c r="H159" i="5" s="1"/>
  <c r="G156" i="5"/>
  <c r="Q151" i="5"/>
  <c r="P151" i="5"/>
  <c r="O151" i="5"/>
  <c r="N151" i="5"/>
  <c r="M151" i="5"/>
  <c r="L151" i="5"/>
  <c r="K151" i="5"/>
  <c r="J151" i="5"/>
  <c r="I151" i="5"/>
  <c r="H151" i="5"/>
  <c r="G151" i="5"/>
  <c r="Q119" i="5"/>
  <c r="Q118" i="5"/>
  <c r="Q113" i="5"/>
  <c r="Q120" i="5" s="1"/>
  <c r="P112" i="5"/>
  <c r="O112" i="5"/>
  <c r="N112" i="5"/>
  <c r="M112" i="5"/>
  <c r="L112" i="5"/>
  <c r="K112" i="5"/>
  <c r="J112" i="5"/>
  <c r="I112" i="5"/>
  <c r="H112" i="5"/>
  <c r="G112" i="5"/>
  <c r="P111" i="5"/>
  <c r="O111" i="5"/>
  <c r="N111" i="5"/>
  <c r="M111" i="5"/>
  <c r="L111" i="5"/>
  <c r="L113" i="5" s="1"/>
  <c r="L118" i="5" s="1"/>
  <c r="K111" i="5"/>
  <c r="K113" i="5" s="1"/>
  <c r="K120" i="5" s="1"/>
  <c r="J111" i="5"/>
  <c r="I111" i="5"/>
  <c r="H111" i="5"/>
  <c r="G111" i="5"/>
  <c r="P110" i="5"/>
  <c r="O110" i="5"/>
  <c r="N110" i="5"/>
  <c r="M110" i="5"/>
  <c r="M113" i="5" s="1"/>
  <c r="M119" i="5" s="1"/>
  <c r="L110" i="5"/>
  <c r="K110" i="5"/>
  <c r="J110" i="5"/>
  <c r="I110" i="5"/>
  <c r="I113" i="5" s="1"/>
  <c r="I119" i="5" s="1"/>
  <c r="H110" i="5"/>
  <c r="G110" i="5"/>
  <c r="Q105" i="5"/>
  <c r="P105" i="5"/>
  <c r="O105" i="5"/>
  <c r="N105" i="5"/>
  <c r="M105" i="5"/>
  <c r="L105" i="5"/>
  <c r="K105" i="5"/>
  <c r="J105" i="5"/>
  <c r="I105" i="5"/>
  <c r="H105" i="5"/>
  <c r="G105" i="5"/>
  <c r="Q25" i="5"/>
  <c r="P25" i="5"/>
  <c r="O25" i="5"/>
  <c r="N25" i="5"/>
  <c r="M25" i="5"/>
  <c r="L25" i="5"/>
  <c r="K25" i="5"/>
  <c r="J25" i="5"/>
  <c r="I25" i="5"/>
  <c r="H25" i="5"/>
  <c r="G25" i="5"/>
  <c r="Q24" i="5"/>
  <c r="P24" i="5"/>
  <c r="O24" i="5"/>
  <c r="N24" i="5"/>
  <c r="M24" i="5"/>
  <c r="L24" i="5"/>
  <c r="K24" i="5"/>
  <c r="J24" i="5"/>
  <c r="I24" i="5"/>
  <c r="H24" i="5"/>
  <c r="G24" i="5"/>
  <c r="Q23" i="5"/>
  <c r="P23" i="5"/>
  <c r="O23" i="5"/>
  <c r="N23" i="5"/>
  <c r="M23" i="5"/>
  <c r="L23" i="5"/>
  <c r="K23" i="5"/>
  <c r="J23" i="5"/>
  <c r="I23" i="5"/>
  <c r="H23" i="5"/>
  <c r="G23" i="5"/>
  <c r="Q22" i="5"/>
  <c r="P22" i="5"/>
  <c r="O22" i="5"/>
  <c r="N22" i="5"/>
  <c r="M22" i="5"/>
  <c r="L22" i="5"/>
  <c r="K22" i="5"/>
  <c r="J22" i="5"/>
  <c r="I22" i="5"/>
  <c r="H22" i="5"/>
  <c r="G22" i="5"/>
  <c r="Q21" i="5"/>
  <c r="P21" i="5"/>
  <c r="O21" i="5"/>
  <c r="N21" i="5"/>
  <c r="M21" i="5"/>
  <c r="L21" i="5"/>
  <c r="K21" i="5"/>
  <c r="J21" i="5"/>
  <c r="I21" i="5"/>
  <c r="H21" i="5"/>
  <c r="G21" i="5"/>
  <c r="Q20" i="5"/>
  <c r="Q33" i="5" s="1"/>
  <c r="P20" i="5"/>
  <c r="O20" i="5"/>
  <c r="N20" i="5"/>
  <c r="M20" i="5"/>
  <c r="M33" i="5" s="1"/>
  <c r="L20" i="5"/>
  <c r="K20" i="5"/>
  <c r="J20" i="5"/>
  <c r="I20" i="5"/>
  <c r="I33" i="5" s="1"/>
  <c r="H20" i="5"/>
  <c r="G20" i="5"/>
  <c r="Q19" i="5"/>
  <c r="P19" i="5"/>
  <c r="O19" i="5"/>
  <c r="N19" i="5"/>
  <c r="M19" i="5"/>
  <c r="L19" i="5"/>
  <c r="K19" i="5"/>
  <c r="J19" i="5"/>
  <c r="I19" i="5"/>
  <c r="H19" i="5"/>
  <c r="G19" i="5"/>
  <c r="Q18" i="5"/>
  <c r="P18" i="5"/>
  <c r="P33" i="5" s="1"/>
  <c r="O18" i="5"/>
  <c r="O33" i="5" s="1"/>
  <c r="N18" i="5"/>
  <c r="N33" i="5" s="1"/>
  <c r="M18" i="5"/>
  <c r="L18" i="5"/>
  <c r="L33" i="5" s="1"/>
  <c r="K18" i="5"/>
  <c r="K33" i="5" s="1"/>
  <c r="J18" i="5"/>
  <c r="J33" i="5" s="1"/>
  <c r="I18" i="5"/>
  <c r="H18" i="5"/>
  <c r="H33" i="5" s="1"/>
  <c r="G18" i="5"/>
  <c r="G33" i="5" s="1"/>
  <c r="Q17" i="5"/>
  <c r="P17" i="5"/>
  <c r="O17" i="5"/>
  <c r="N17" i="5"/>
  <c r="M17" i="5"/>
  <c r="L17" i="5"/>
  <c r="K17" i="5"/>
  <c r="J17" i="5"/>
  <c r="I17" i="5"/>
  <c r="H17" i="5"/>
  <c r="G17" i="5"/>
  <c r="Q16" i="5"/>
  <c r="P16" i="5"/>
  <c r="O16" i="5"/>
  <c r="N16" i="5"/>
  <c r="M16" i="5"/>
  <c r="L16" i="5"/>
  <c r="K16" i="5"/>
  <c r="J16" i="5"/>
  <c r="I16" i="5"/>
  <c r="H16" i="5"/>
  <c r="G16" i="5"/>
  <c r="Q15" i="5"/>
  <c r="P15" i="5"/>
  <c r="O15" i="5"/>
  <c r="N15" i="5"/>
  <c r="M15" i="5"/>
  <c r="L15" i="5"/>
  <c r="K15" i="5"/>
  <c r="J15" i="5"/>
  <c r="I15" i="5"/>
  <c r="H15" i="5"/>
  <c r="G15" i="5"/>
  <c r="Q14" i="5"/>
  <c r="P14" i="5"/>
  <c r="O14" i="5"/>
  <c r="N14" i="5"/>
  <c r="M14" i="5"/>
  <c r="L14" i="5"/>
  <c r="K14" i="5"/>
  <c r="J14" i="5"/>
  <c r="I14" i="5"/>
  <c r="H14" i="5"/>
  <c r="G14" i="5"/>
  <c r="Q13" i="5"/>
  <c r="P13" i="5"/>
  <c r="O13" i="5"/>
  <c r="N13" i="5"/>
  <c r="M13" i="5"/>
  <c r="L13" i="5"/>
  <c r="K13" i="5"/>
  <c r="J13" i="5"/>
  <c r="I13" i="5"/>
  <c r="H13" i="5"/>
  <c r="G13" i="5"/>
  <c r="Q12" i="5"/>
  <c r="P12" i="5"/>
  <c r="O12" i="5"/>
  <c r="N12" i="5"/>
  <c r="M12" i="5"/>
  <c r="L12" i="5"/>
  <c r="K12" i="5"/>
  <c r="J12" i="5"/>
  <c r="I12" i="5"/>
  <c r="H12" i="5"/>
  <c r="G12" i="5"/>
  <c r="Q11" i="5"/>
  <c r="P11" i="5"/>
  <c r="O11" i="5"/>
  <c r="N11" i="5"/>
  <c r="M11" i="5"/>
  <c r="L11" i="5"/>
  <c r="K11" i="5"/>
  <c r="J11" i="5"/>
  <c r="I11" i="5"/>
  <c r="H11" i="5"/>
  <c r="G11" i="5"/>
  <c r="Q10" i="5"/>
  <c r="P10" i="5"/>
  <c r="O10" i="5"/>
  <c r="N10" i="5"/>
  <c r="M10" i="5"/>
  <c r="L10" i="5"/>
  <c r="K10" i="5"/>
  <c r="J10" i="5"/>
  <c r="I10" i="5"/>
  <c r="H10" i="5"/>
  <c r="G10" i="5"/>
  <c r="Q9" i="5"/>
  <c r="P9" i="5"/>
  <c r="O9" i="5"/>
  <c r="N9" i="5"/>
  <c r="M9" i="5"/>
  <c r="L9" i="5"/>
  <c r="K9" i="5"/>
  <c r="J9" i="5"/>
  <c r="I9" i="5"/>
  <c r="H9" i="5"/>
  <c r="G9" i="5"/>
  <c r="Q8" i="5"/>
  <c r="Q32" i="5" s="1"/>
  <c r="P8" i="5"/>
  <c r="P32" i="5" s="1"/>
  <c r="O8" i="5"/>
  <c r="O32" i="5" s="1"/>
  <c r="N8" i="5"/>
  <c r="N32" i="5" s="1"/>
  <c r="M8" i="5"/>
  <c r="M32" i="5" s="1"/>
  <c r="L8" i="5"/>
  <c r="L32" i="5" s="1"/>
  <c r="K8" i="5"/>
  <c r="K32" i="5" s="1"/>
  <c r="J8" i="5"/>
  <c r="J32" i="5" s="1"/>
  <c r="I8" i="5"/>
  <c r="I32" i="5" s="1"/>
  <c r="H8" i="5"/>
  <c r="H32" i="5" s="1"/>
  <c r="G8" i="5"/>
  <c r="G32" i="5" s="1"/>
  <c r="Q7" i="5"/>
  <c r="P7" i="5"/>
  <c r="P31" i="5" s="1"/>
  <c r="O7" i="5"/>
  <c r="N7" i="5"/>
  <c r="M7" i="5"/>
  <c r="L7" i="5"/>
  <c r="L31" i="5" s="1"/>
  <c r="K7" i="5"/>
  <c r="J7" i="5"/>
  <c r="I7" i="5"/>
  <c r="H7" i="5"/>
  <c r="H31" i="5" s="1"/>
  <c r="G7" i="5"/>
  <c r="Q6" i="5"/>
  <c r="P6" i="5"/>
  <c r="O6" i="5"/>
  <c r="O26" i="5" s="1"/>
  <c r="N6" i="5"/>
  <c r="M6" i="5"/>
  <c r="L6" i="5"/>
  <c r="K6" i="5"/>
  <c r="K26" i="5" s="1"/>
  <c r="J6" i="5"/>
  <c r="I6" i="5"/>
  <c r="H6" i="5"/>
  <c r="G6" i="5"/>
  <c r="G26" i="5" s="1"/>
  <c r="Q5" i="5"/>
  <c r="Q26" i="5" s="1"/>
  <c r="P5" i="5"/>
  <c r="P26" i="5" s="1"/>
  <c r="O5" i="5"/>
  <c r="N5" i="5"/>
  <c r="N26" i="5" s="1"/>
  <c r="M5" i="5"/>
  <c r="M26" i="5" s="1"/>
  <c r="L5" i="5"/>
  <c r="L26" i="5" s="1"/>
  <c r="K5" i="5"/>
  <c r="J5" i="5"/>
  <c r="J26" i="5" s="1"/>
  <c r="I5" i="5"/>
  <c r="I26" i="5" s="1"/>
  <c r="H5" i="5"/>
  <c r="H26" i="5" s="1"/>
  <c r="G5" i="5"/>
  <c r="Q159" i="4"/>
  <c r="Q166" i="4" s="1"/>
  <c r="P158" i="4"/>
  <c r="O158" i="4"/>
  <c r="N158" i="4"/>
  <c r="N166" i="4" s="1"/>
  <c r="M158" i="4"/>
  <c r="L158" i="4"/>
  <c r="K158" i="4"/>
  <c r="J158" i="4"/>
  <c r="J166" i="4" s="1"/>
  <c r="I158" i="4"/>
  <c r="H158" i="4"/>
  <c r="G158" i="4"/>
  <c r="P157" i="4"/>
  <c r="O157" i="4"/>
  <c r="N157" i="4"/>
  <c r="N159" i="4" s="1"/>
  <c r="N164" i="4" s="1"/>
  <c r="M157" i="4"/>
  <c r="M159" i="4" s="1"/>
  <c r="M166" i="4" s="1"/>
  <c r="L157" i="4"/>
  <c r="K157" i="4"/>
  <c r="J157" i="4"/>
  <c r="J159" i="4" s="1"/>
  <c r="J164" i="4" s="1"/>
  <c r="I157" i="4"/>
  <c r="I159" i="4" s="1"/>
  <c r="I166" i="4" s="1"/>
  <c r="H157" i="4"/>
  <c r="G157" i="4"/>
  <c r="P156" i="4"/>
  <c r="P159" i="4" s="1"/>
  <c r="P165" i="4" s="1"/>
  <c r="O156" i="4"/>
  <c r="N156" i="4"/>
  <c r="M156" i="4"/>
  <c r="M164" i="4" s="1"/>
  <c r="L156" i="4"/>
  <c r="L159" i="4" s="1"/>
  <c r="L165" i="4" s="1"/>
  <c r="K156" i="4"/>
  <c r="J156" i="4"/>
  <c r="I156" i="4"/>
  <c r="I164" i="4" s="1"/>
  <c r="H156" i="4"/>
  <c r="H159" i="4" s="1"/>
  <c r="H165" i="4" s="1"/>
  <c r="G156" i="4"/>
  <c r="Q151" i="4"/>
  <c r="P151" i="4"/>
  <c r="O151" i="4"/>
  <c r="N151" i="4"/>
  <c r="M151" i="4"/>
  <c r="L151" i="4"/>
  <c r="K151" i="4"/>
  <c r="J151" i="4"/>
  <c r="I151" i="4"/>
  <c r="H151" i="4"/>
  <c r="G151" i="4"/>
  <c r="Q120" i="4"/>
  <c r="Q119" i="4"/>
  <c r="Q113" i="4"/>
  <c r="Q118" i="4" s="1"/>
  <c r="P112" i="4"/>
  <c r="O112" i="4"/>
  <c r="N112" i="4"/>
  <c r="M112" i="4"/>
  <c r="L112" i="4"/>
  <c r="K112" i="4"/>
  <c r="J112" i="4"/>
  <c r="I112" i="4"/>
  <c r="H112" i="4"/>
  <c r="G112" i="4"/>
  <c r="P111" i="4"/>
  <c r="O111" i="4"/>
  <c r="O113" i="4" s="1"/>
  <c r="O118" i="4" s="1"/>
  <c r="N111" i="4"/>
  <c r="N113" i="4" s="1"/>
  <c r="N120" i="4" s="1"/>
  <c r="M111" i="4"/>
  <c r="L111" i="4"/>
  <c r="K111" i="4"/>
  <c r="K113" i="4" s="1"/>
  <c r="K118" i="4" s="1"/>
  <c r="J111" i="4"/>
  <c r="J113" i="4" s="1"/>
  <c r="J120" i="4" s="1"/>
  <c r="I111" i="4"/>
  <c r="H111" i="4"/>
  <c r="G111" i="4"/>
  <c r="G113" i="4" s="1"/>
  <c r="G118" i="4" s="1"/>
  <c r="P110" i="4"/>
  <c r="O110" i="4"/>
  <c r="N110" i="4"/>
  <c r="M110" i="4"/>
  <c r="M113" i="4" s="1"/>
  <c r="M119" i="4" s="1"/>
  <c r="L110" i="4"/>
  <c r="K110" i="4"/>
  <c r="J110" i="4"/>
  <c r="I110" i="4"/>
  <c r="I113" i="4" s="1"/>
  <c r="I119" i="4" s="1"/>
  <c r="H110" i="4"/>
  <c r="G110" i="4"/>
  <c r="Q105" i="4"/>
  <c r="P105" i="4"/>
  <c r="O105" i="4"/>
  <c r="N105" i="4"/>
  <c r="M105" i="4"/>
  <c r="L105" i="4"/>
  <c r="K105" i="4"/>
  <c r="J105" i="4"/>
  <c r="I105" i="4"/>
  <c r="H105" i="4"/>
  <c r="G105" i="4"/>
  <c r="Q25" i="4"/>
  <c r="P25" i="4"/>
  <c r="O25" i="4"/>
  <c r="N25" i="4"/>
  <c r="M25" i="4"/>
  <c r="L25" i="4"/>
  <c r="K25" i="4"/>
  <c r="J25" i="4"/>
  <c r="I25" i="4"/>
  <c r="H25" i="4"/>
  <c r="G25" i="4"/>
  <c r="Q24" i="4"/>
  <c r="P24" i="4"/>
  <c r="O24" i="4"/>
  <c r="N24" i="4"/>
  <c r="M24" i="4"/>
  <c r="L24" i="4"/>
  <c r="K24" i="4"/>
  <c r="J24" i="4"/>
  <c r="I24" i="4"/>
  <c r="H24" i="4"/>
  <c r="G24" i="4"/>
  <c r="Q23" i="4"/>
  <c r="P23" i="4"/>
  <c r="O23" i="4"/>
  <c r="N23" i="4"/>
  <c r="M23" i="4"/>
  <c r="L23" i="4"/>
  <c r="K23" i="4"/>
  <c r="J23" i="4"/>
  <c r="I23" i="4"/>
  <c r="H23" i="4"/>
  <c r="G23" i="4"/>
  <c r="Q22" i="4"/>
  <c r="P22" i="4"/>
  <c r="O22" i="4"/>
  <c r="N22" i="4"/>
  <c r="M22" i="4"/>
  <c r="L22" i="4"/>
  <c r="K22" i="4"/>
  <c r="J22" i="4"/>
  <c r="I22" i="4"/>
  <c r="H22" i="4"/>
  <c r="G22" i="4"/>
  <c r="Q21" i="4"/>
  <c r="P21" i="4"/>
  <c r="O21" i="4"/>
  <c r="N21" i="4"/>
  <c r="M21" i="4"/>
  <c r="L21" i="4"/>
  <c r="K21" i="4"/>
  <c r="J21" i="4"/>
  <c r="I21" i="4"/>
  <c r="H21" i="4"/>
  <c r="G21" i="4"/>
  <c r="Q20" i="4"/>
  <c r="P20" i="4"/>
  <c r="O20" i="4"/>
  <c r="N20" i="4"/>
  <c r="N33" i="4" s="1"/>
  <c r="M20" i="4"/>
  <c r="L20" i="4"/>
  <c r="K20" i="4"/>
  <c r="J20" i="4"/>
  <c r="J33" i="4" s="1"/>
  <c r="I20" i="4"/>
  <c r="H20" i="4"/>
  <c r="G20" i="4"/>
  <c r="Q19" i="4"/>
  <c r="P19" i="4"/>
  <c r="O19" i="4"/>
  <c r="N19" i="4"/>
  <c r="M19" i="4"/>
  <c r="L19" i="4"/>
  <c r="K19" i="4"/>
  <c r="J19" i="4"/>
  <c r="I19" i="4"/>
  <c r="H19" i="4"/>
  <c r="G19" i="4"/>
  <c r="Q18" i="4"/>
  <c r="Q33" i="4" s="1"/>
  <c r="P18" i="4"/>
  <c r="P33" i="4" s="1"/>
  <c r="O18" i="4"/>
  <c r="O33" i="4" s="1"/>
  <c r="N18" i="4"/>
  <c r="M18" i="4"/>
  <c r="M33" i="4" s="1"/>
  <c r="L18" i="4"/>
  <c r="L33" i="4" s="1"/>
  <c r="K18" i="4"/>
  <c r="K33" i="4" s="1"/>
  <c r="J18" i="4"/>
  <c r="I18" i="4"/>
  <c r="I33" i="4" s="1"/>
  <c r="H18" i="4"/>
  <c r="H33" i="4" s="1"/>
  <c r="G18" i="4"/>
  <c r="G33" i="4" s="1"/>
  <c r="Q17" i="4"/>
  <c r="P17" i="4"/>
  <c r="O17" i="4"/>
  <c r="N17" i="4"/>
  <c r="M17" i="4"/>
  <c r="L17" i="4"/>
  <c r="K17" i="4"/>
  <c r="J17" i="4"/>
  <c r="I17" i="4"/>
  <c r="H17" i="4"/>
  <c r="G17" i="4"/>
  <c r="Q16" i="4"/>
  <c r="P16" i="4"/>
  <c r="O16" i="4"/>
  <c r="N16" i="4"/>
  <c r="M16" i="4"/>
  <c r="L16" i="4"/>
  <c r="K16" i="4"/>
  <c r="J16" i="4"/>
  <c r="I16" i="4"/>
  <c r="H16" i="4"/>
  <c r="G16" i="4"/>
  <c r="Q15" i="4"/>
  <c r="P15" i="4"/>
  <c r="O15" i="4"/>
  <c r="N15" i="4"/>
  <c r="M15" i="4"/>
  <c r="L15" i="4"/>
  <c r="K15" i="4"/>
  <c r="J15" i="4"/>
  <c r="I15" i="4"/>
  <c r="H15" i="4"/>
  <c r="G15" i="4"/>
  <c r="Q14" i="4"/>
  <c r="P14" i="4"/>
  <c r="O14" i="4"/>
  <c r="N14" i="4"/>
  <c r="M14" i="4"/>
  <c r="L14" i="4"/>
  <c r="K14" i="4"/>
  <c r="J14" i="4"/>
  <c r="I14" i="4"/>
  <c r="H14" i="4"/>
  <c r="G14" i="4"/>
  <c r="Q13" i="4"/>
  <c r="P13" i="4"/>
  <c r="O13" i="4"/>
  <c r="N13" i="4"/>
  <c r="M13" i="4"/>
  <c r="L13" i="4"/>
  <c r="K13" i="4"/>
  <c r="J13" i="4"/>
  <c r="I13" i="4"/>
  <c r="H13" i="4"/>
  <c r="G13" i="4"/>
  <c r="Q12" i="4"/>
  <c r="P12" i="4"/>
  <c r="O12" i="4"/>
  <c r="N12" i="4"/>
  <c r="M12" i="4"/>
  <c r="L12" i="4"/>
  <c r="K12" i="4"/>
  <c r="J12" i="4"/>
  <c r="I12" i="4"/>
  <c r="H12" i="4"/>
  <c r="G12" i="4"/>
  <c r="Q11" i="4"/>
  <c r="P11" i="4"/>
  <c r="O11" i="4"/>
  <c r="N11" i="4"/>
  <c r="M11" i="4"/>
  <c r="L11" i="4"/>
  <c r="K11" i="4"/>
  <c r="J11" i="4"/>
  <c r="I11" i="4"/>
  <c r="H11" i="4"/>
  <c r="G11" i="4"/>
  <c r="Q10" i="4"/>
  <c r="P10" i="4"/>
  <c r="O10" i="4"/>
  <c r="N10" i="4"/>
  <c r="M10" i="4"/>
  <c r="L10" i="4"/>
  <c r="K10" i="4"/>
  <c r="J10" i="4"/>
  <c r="I10" i="4"/>
  <c r="H10" i="4"/>
  <c r="G10" i="4"/>
  <c r="Q9" i="4"/>
  <c r="P9" i="4"/>
  <c r="O9" i="4"/>
  <c r="N9" i="4"/>
  <c r="M9" i="4"/>
  <c r="L9" i="4"/>
  <c r="K9" i="4"/>
  <c r="J9" i="4"/>
  <c r="I9" i="4"/>
  <c r="H9" i="4"/>
  <c r="G9" i="4"/>
  <c r="Q8" i="4"/>
  <c r="Q32" i="4" s="1"/>
  <c r="P8" i="4"/>
  <c r="P32" i="4" s="1"/>
  <c r="O8" i="4"/>
  <c r="O32" i="4" s="1"/>
  <c r="N8" i="4"/>
  <c r="N32" i="4" s="1"/>
  <c r="M8" i="4"/>
  <c r="M32" i="4" s="1"/>
  <c r="L8" i="4"/>
  <c r="L32" i="4" s="1"/>
  <c r="K8" i="4"/>
  <c r="K32" i="4" s="1"/>
  <c r="J8" i="4"/>
  <c r="J32" i="4" s="1"/>
  <c r="I8" i="4"/>
  <c r="I32" i="4" s="1"/>
  <c r="H8" i="4"/>
  <c r="H32" i="4" s="1"/>
  <c r="G8" i="4"/>
  <c r="G32" i="4" s="1"/>
  <c r="Q7" i="4"/>
  <c r="Q31" i="4" s="1"/>
  <c r="P7" i="4"/>
  <c r="O7" i="4"/>
  <c r="N7" i="4"/>
  <c r="M7" i="4"/>
  <c r="M31" i="4" s="1"/>
  <c r="L7" i="4"/>
  <c r="K7" i="4"/>
  <c r="J7" i="4"/>
  <c r="I7" i="4"/>
  <c r="I31" i="4" s="1"/>
  <c r="H7" i="4"/>
  <c r="G7" i="4"/>
  <c r="Q6" i="4"/>
  <c r="P6" i="4"/>
  <c r="P26" i="4" s="1"/>
  <c r="O6" i="4"/>
  <c r="N6" i="4"/>
  <c r="M6" i="4"/>
  <c r="L6" i="4"/>
  <c r="L26" i="4" s="1"/>
  <c r="K6" i="4"/>
  <c r="J6" i="4"/>
  <c r="I6" i="4"/>
  <c r="H6" i="4"/>
  <c r="H26" i="4" s="1"/>
  <c r="G6" i="4"/>
  <c r="Q5" i="4"/>
  <c r="Q26" i="4" s="1"/>
  <c r="P5" i="4"/>
  <c r="O5" i="4"/>
  <c r="O26" i="4" s="1"/>
  <c r="N5" i="4"/>
  <c r="N26" i="4" s="1"/>
  <c r="M5" i="4"/>
  <c r="M26" i="4" s="1"/>
  <c r="L5" i="4"/>
  <c r="K5" i="4"/>
  <c r="K26" i="4" s="1"/>
  <c r="J5" i="4"/>
  <c r="J26" i="4" s="1"/>
  <c r="I5" i="4"/>
  <c r="I26" i="4" s="1"/>
  <c r="H5" i="4"/>
  <c r="G5" i="4"/>
  <c r="G26" i="4" s="1"/>
  <c r="Q166" i="3"/>
  <c r="Q165" i="3"/>
  <c r="Q159" i="3"/>
  <c r="Q164" i="3" s="1"/>
  <c r="P158" i="3"/>
  <c r="O158" i="3"/>
  <c r="O166" i="3" s="1"/>
  <c r="N158" i="3"/>
  <c r="M158" i="3"/>
  <c r="L158" i="3"/>
  <c r="K158" i="3"/>
  <c r="K166" i="3" s="1"/>
  <c r="J158" i="3"/>
  <c r="I158" i="3"/>
  <c r="H158" i="3"/>
  <c r="G158" i="3"/>
  <c r="G166" i="3" s="1"/>
  <c r="P157" i="3"/>
  <c r="O157" i="3"/>
  <c r="O159" i="3" s="1"/>
  <c r="O164" i="3" s="1"/>
  <c r="N157" i="3"/>
  <c r="N159" i="3" s="1"/>
  <c r="N166" i="3" s="1"/>
  <c r="M157" i="3"/>
  <c r="L157" i="3"/>
  <c r="K157" i="3"/>
  <c r="K159" i="3" s="1"/>
  <c r="K164" i="3" s="1"/>
  <c r="J157" i="3"/>
  <c r="J159" i="3" s="1"/>
  <c r="J166" i="3" s="1"/>
  <c r="I157" i="3"/>
  <c r="H157" i="3"/>
  <c r="G157" i="3"/>
  <c r="G159" i="3" s="1"/>
  <c r="G164" i="3" s="1"/>
  <c r="P156" i="3"/>
  <c r="O156" i="3"/>
  <c r="N156" i="3"/>
  <c r="M156" i="3"/>
  <c r="M159" i="3" s="1"/>
  <c r="M165" i="3" s="1"/>
  <c r="L156" i="3"/>
  <c r="K156" i="3"/>
  <c r="J156" i="3"/>
  <c r="I156" i="3"/>
  <c r="I159" i="3" s="1"/>
  <c r="I165" i="3" s="1"/>
  <c r="H156" i="3"/>
  <c r="G156" i="3"/>
  <c r="Q151" i="3"/>
  <c r="P151" i="3"/>
  <c r="O151" i="3"/>
  <c r="N151" i="3"/>
  <c r="M151" i="3"/>
  <c r="L151" i="3"/>
  <c r="K151" i="3"/>
  <c r="J151" i="3"/>
  <c r="I151" i="3"/>
  <c r="H151" i="3"/>
  <c r="G151" i="3"/>
  <c r="Q119" i="3"/>
  <c r="Q118" i="3"/>
  <c r="Q113" i="3"/>
  <c r="Q120" i="3" s="1"/>
  <c r="P112" i="3"/>
  <c r="P120" i="3" s="1"/>
  <c r="O112" i="3"/>
  <c r="N112" i="3"/>
  <c r="M112" i="3"/>
  <c r="L112" i="3"/>
  <c r="L120" i="3" s="1"/>
  <c r="K112" i="3"/>
  <c r="J112" i="3"/>
  <c r="I112" i="3"/>
  <c r="H112" i="3"/>
  <c r="H120" i="3" s="1"/>
  <c r="G112" i="3"/>
  <c r="P111" i="3"/>
  <c r="P113" i="3" s="1"/>
  <c r="P118" i="3" s="1"/>
  <c r="O111" i="3"/>
  <c r="O113" i="3" s="1"/>
  <c r="O120" i="3" s="1"/>
  <c r="N111" i="3"/>
  <c r="M111" i="3"/>
  <c r="L111" i="3"/>
  <c r="L113" i="3" s="1"/>
  <c r="L118" i="3" s="1"/>
  <c r="K111" i="3"/>
  <c r="K113" i="3" s="1"/>
  <c r="K120" i="3" s="1"/>
  <c r="J111" i="3"/>
  <c r="I111" i="3"/>
  <c r="H111" i="3"/>
  <c r="H113" i="3" s="1"/>
  <c r="H118" i="3" s="1"/>
  <c r="G111" i="3"/>
  <c r="G113" i="3" s="1"/>
  <c r="G120" i="3" s="1"/>
  <c r="P110" i="3"/>
  <c r="O110" i="3"/>
  <c r="N110" i="3"/>
  <c r="N113" i="3" s="1"/>
  <c r="N119" i="3" s="1"/>
  <c r="M110" i="3"/>
  <c r="L110" i="3"/>
  <c r="K110" i="3"/>
  <c r="J110" i="3"/>
  <c r="J113" i="3" s="1"/>
  <c r="J119" i="3" s="1"/>
  <c r="I110" i="3"/>
  <c r="H110" i="3"/>
  <c r="G110" i="3"/>
  <c r="Q105" i="3"/>
  <c r="P105" i="3"/>
  <c r="O105" i="3"/>
  <c r="N105" i="3"/>
  <c r="M105" i="3"/>
  <c r="L105" i="3"/>
  <c r="K105" i="3"/>
  <c r="J105" i="3"/>
  <c r="I105" i="3"/>
  <c r="H105" i="3"/>
  <c r="G105" i="3"/>
  <c r="Q25" i="3"/>
  <c r="P25" i="3"/>
  <c r="O25" i="3"/>
  <c r="N25" i="3"/>
  <c r="M25" i="3"/>
  <c r="L25" i="3"/>
  <c r="K25" i="3"/>
  <c r="J25" i="3"/>
  <c r="I25" i="3"/>
  <c r="H25" i="3"/>
  <c r="G25" i="3"/>
  <c r="Q24" i="3"/>
  <c r="P24" i="3"/>
  <c r="O24" i="3"/>
  <c r="N24" i="3"/>
  <c r="M24" i="3"/>
  <c r="L24" i="3"/>
  <c r="K24" i="3"/>
  <c r="J24" i="3"/>
  <c r="I24" i="3"/>
  <c r="H24" i="3"/>
  <c r="G24" i="3"/>
  <c r="Q23" i="3"/>
  <c r="P23" i="3"/>
  <c r="O23" i="3"/>
  <c r="N23" i="3"/>
  <c r="M23" i="3"/>
  <c r="L23" i="3"/>
  <c r="K23" i="3"/>
  <c r="J23" i="3"/>
  <c r="I23" i="3"/>
  <c r="H23" i="3"/>
  <c r="G23" i="3"/>
  <c r="Q22" i="3"/>
  <c r="P22" i="3"/>
  <c r="O22" i="3"/>
  <c r="N22" i="3"/>
  <c r="M22" i="3"/>
  <c r="L22" i="3"/>
  <c r="K22" i="3"/>
  <c r="J22" i="3"/>
  <c r="I22" i="3"/>
  <c r="H22" i="3"/>
  <c r="G22" i="3"/>
  <c r="Q21" i="3"/>
  <c r="P21" i="3"/>
  <c r="O21" i="3"/>
  <c r="N21" i="3"/>
  <c r="M21" i="3"/>
  <c r="L21" i="3"/>
  <c r="K21" i="3"/>
  <c r="J21" i="3"/>
  <c r="I21" i="3"/>
  <c r="H21" i="3"/>
  <c r="G21" i="3"/>
  <c r="Q20" i="3"/>
  <c r="P20" i="3"/>
  <c r="O20" i="3"/>
  <c r="N20" i="3"/>
  <c r="M20" i="3"/>
  <c r="L20" i="3"/>
  <c r="K20" i="3"/>
  <c r="J20" i="3"/>
  <c r="I20" i="3"/>
  <c r="H20" i="3"/>
  <c r="G20" i="3"/>
  <c r="Q19" i="3"/>
  <c r="P19" i="3"/>
  <c r="O19" i="3"/>
  <c r="N19" i="3"/>
  <c r="M19" i="3"/>
  <c r="L19" i="3"/>
  <c r="K19" i="3"/>
  <c r="J19" i="3"/>
  <c r="I19" i="3"/>
  <c r="H19" i="3"/>
  <c r="G19" i="3"/>
  <c r="Q18" i="3"/>
  <c r="P18" i="3"/>
  <c r="P33" i="3" s="1"/>
  <c r="O18" i="3"/>
  <c r="N18" i="3"/>
  <c r="M18" i="3"/>
  <c r="L18" i="3"/>
  <c r="L33" i="3" s="1"/>
  <c r="K18" i="3"/>
  <c r="J18" i="3"/>
  <c r="I18" i="3"/>
  <c r="H18" i="3"/>
  <c r="H33" i="3" s="1"/>
  <c r="G18" i="3"/>
  <c r="Q17" i="3"/>
  <c r="P17" i="3"/>
  <c r="O17" i="3"/>
  <c r="N17" i="3"/>
  <c r="M17" i="3"/>
  <c r="L17" i="3"/>
  <c r="K17" i="3"/>
  <c r="J17" i="3"/>
  <c r="I17" i="3"/>
  <c r="H17" i="3"/>
  <c r="G17" i="3"/>
  <c r="Q16" i="3"/>
  <c r="P16" i="3"/>
  <c r="O16" i="3"/>
  <c r="N16" i="3"/>
  <c r="M16" i="3"/>
  <c r="L16" i="3"/>
  <c r="K16" i="3"/>
  <c r="J16" i="3"/>
  <c r="I16" i="3"/>
  <c r="H16" i="3"/>
  <c r="G16" i="3"/>
  <c r="Q15" i="3"/>
  <c r="P15" i="3"/>
  <c r="O15" i="3"/>
  <c r="N15" i="3"/>
  <c r="M15" i="3"/>
  <c r="L15" i="3"/>
  <c r="K15" i="3"/>
  <c r="J15" i="3"/>
  <c r="I15" i="3"/>
  <c r="H15" i="3"/>
  <c r="G15" i="3"/>
  <c r="Q14" i="3"/>
  <c r="P14" i="3"/>
  <c r="O14" i="3"/>
  <c r="N14" i="3"/>
  <c r="M14" i="3"/>
  <c r="L14" i="3"/>
  <c r="K14" i="3"/>
  <c r="J14" i="3"/>
  <c r="I14" i="3"/>
  <c r="H14" i="3"/>
  <c r="G14" i="3"/>
  <c r="Q13" i="3"/>
  <c r="P13" i="3"/>
  <c r="O13" i="3"/>
  <c r="N13" i="3"/>
  <c r="M13" i="3"/>
  <c r="L13" i="3"/>
  <c r="K13" i="3"/>
  <c r="J13" i="3"/>
  <c r="I13" i="3"/>
  <c r="H13" i="3"/>
  <c r="G13" i="3"/>
  <c r="Q12" i="3"/>
  <c r="P12" i="3"/>
  <c r="O12" i="3"/>
  <c r="N12" i="3"/>
  <c r="M12" i="3"/>
  <c r="L12" i="3"/>
  <c r="K12" i="3"/>
  <c r="J12" i="3"/>
  <c r="I12" i="3"/>
  <c r="H12" i="3"/>
  <c r="G12" i="3"/>
  <c r="Q11" i="3"/>
  <c r="P11" i="3"/>
  <c r="O11" i="3"/>
  <c r="N11" i="3"/>
  <c r="M11" i="3"/>
  <c r="L11" i="3"/>
  <c r="K11" i="3"/>
  <c r="J11" i="3"/>
  <c r="I11" i="3"/>
  <c r="H11" i="3"/>
  <c r="G11" i="3"/>
  <c r="Q10" i="3"/>
  <c r="P10" i="3"/>
  <c r="O10" i="3"/>
  <c r="N10" i="3"/>
  <c r="M10" i="3"/>
  <c r="L10" i="3"/>
  <c r="K10" i="3"/>
  <c r="J10" i="3"/>
  <c r="I10" i="3"/>
  <c r="H10" i="3"/>
  <c r="G10" i="3"/>
  <c r="Q9" i="3"/>
  <c r="P9" i="3"/>
  <c r="O9" i="3"/>
  <c r="N9" i="3"/>
  <c r="M9" i="3"/>
  <c r="L9" i="3"/>
  <c r="K9" i="3"/>
  <c r="J9" i="3"/>
  <c r="I9" i="3"/>
  <c r="H9" i="3"/>
  <c r="G9" i="3"/>
  <c r="Q8" i="3"/>
  <c r="P8" i="3"/>
  <c r="O8" i="3"/>
  <c r="N8" i="3"/>
  <c r="N32" i="3" s="1"/>
  <c r="M8" i="3"/>
  <c r="L8" i="3"/>
  <c r="K8" i="3"/>
  <c r="J8" i="3"/>
  <c r="J32" i="3" s="1"/>
  <c r="I8" i="3"/>
  <c r="H8" i="3"/>
  <c r="G8" i="3"/>
  <c r="Q7" i="3"/>
  <c r="P7" i="3"/>
  <c r="O7" i="3"/>
  <c r="N7" i="3"/>
  <c r="N31" i="3" s="1"/>
  <c r="M7" i="3"/>
  <c r="L7" i="3"/>
  <c r="K7" i="3"/>
  <c r="J7" i="3"/>
  <c r="J31" i="3" s="1"/>
  <c r="I7" i="3"/>
  <c r="H7" i="3"/>
  <c r="G7" i="3"/>
  <c r="Q6" i="3"/>
  <c r="P6" i="3"/>
  <c r="O6" i="3"/>
  <c r="N6" i="3"/>
  <c r="M6" i="3"/>
  <c r="L6" i="3"/>
  <c r="K6" i="3"/>
  <c r="J6" i="3"/>
  <c r="I6" i="3"/>
  <c r="H6" i="3"/>
  <c r="G6" i="3"/>
  <c r="Q5" i="3"/>
  <c r="P5" i="3"/>
  <c r="O5" i="3"/>
  <c r="N5" i="3"/>
  <c r="M5" i="3"/>
  <c r="L5" i="3"/>
  <c r="K5" i="3"/>
  <c r="J5" i="3"/>
  <c r="I5" i="3"/>
  <c r="H5" i="3"/>
  <c r="G5" i="3"/>
  <c r="Q165" i="2"/>
  <c r="M165" i="2"/>
  <c r="Q164" i="2"/>
  <c r="Q159" i="2"/>
  <c r="Q166" i="2" s="1"/>
  <c r="L159" i="2"/>
  <c r="L164" i="2" s="1"/>
  <c r="K159" i="2"/>
  <c r="K166" i="2" s="1"/>
  <c r="P158" i="2"/>
  <c r="O158" i="2"/>
  <c r="N158" i="2"/>
  <c r="M158" i="2"/>
  <c r="L158" i="2"/>
  <c r="L166" i="2" s="1"/>
  <c r="K158" i="2"/>
  <c r="J158" i="2"/>
  <c r="I158" i="2"/>
  <c r="H158" i="2"/>
  <c r="G158" i="2"/>
  <c r="P157" i="2"/>
  <c r="O157" i="2"/>
  <c r="N157" i="2"/>
  <c r="M157" i="2"/>
  <c r="L157" i="2"/>
  <c r="K157" i="2"/>
  <c r="J157" i="2"/>
  <c r="I157" i="2"/>
  <c r="H157" i="2"/>
  <c r="G157" i="2"/>
  <c r="P156" i="2"/>
  <c r="O156" i="2"/>
  <c r="N156" i="2"/>
  <c r="M156" i="2"/>
  <c r="M159" i="2" s="1"/>
  <c r="L156" i="2"/>
  <c r="K156" i="2"/>
  <c r="K164" i="2" s="1"/>
  <c r="J156" i="2"/>
  <c r="I156" i="2"/>
  <c r="I159" i="2" s="1"/>
  <c r="I165" i="2" s="1"/>
  <c r="H156" i="2"/>
  <c r="G156" i="2"/>
  <c r="Q151" i="2"/>
  <c r="P151" i="2"/>
  <c r="O151" i="2"/>
  <c r="N151" i="2"/>
  <c r="M151" i="2"/>
  <c r="L151" i="2"/>
  <c r="K151" i="2"/>
  <c r="J151" i="2"/>
  <c r="I151" i="2"/>
  <c r="H151" i="2"/>
  <c r="G151" i="2"/>
  <c r="Q118" i="2"/>
  <c r="Q113" i="2"/>
  <c r="L113" i="2"/>
  <c r="L120" i="2" s="1"/>
  <c r="P112" i="2"/>
  <c r="O112" i="2"/>
  <c r="N112" i="2"/>
  <c r="M112" i="2"/>
  <c r="L112" i="2"/>
  <c r="K112" i="2"/>
  <c r="J112" i="2"/>
  <c r="I112" i="2"/>
  <c r="H112" i="2"/>
  <c r="G112" i="2"/>
  <c r="P111" i="2"/>
  <c r="O111" i="2"/>
  <c r="N111" i="2"/>
  <c r="M111" i="2"/>
  <c r="L111" i="2"/>
  <c r="K111" i="2"/>
  <c r="J111" i="2"/>
  <c r="I111" i="2"/>
  <c r="I113" i="2" s="1"/>
  <c r="I118" i="2" s="1"/>
  <c r="H111" i="2"/>
  <c r="G111" i="2"/>
  <c r="P110" i="2"/>
  <c r="O110" i="2"/>
  <c r="N110" i="2"/>
  <c r="N113" i="2" s="1"/>
  <c r="N119" i="2" s="1"/>
  <c r="M110" i="2"/>
  <c r="L110" i="2"/>
  <c r="K110" i="2"/>
  <c r="J110" i="2"/>
  <c r="J113" i="2" s="1"/>
  <c r="J119" i="2" s="1"/>
  <c r="I110" i="2"/>
  <c r="H110" i="2"/>
  <c r="G110" i="2"/>
  <c r="Q105" i="2"/>
  <c r="P105" i="2"/>
  <c r="O105" i="2"/>
  <c r="N105" i="2"/>
  <c r="M105" i="2"/>
  <c r="L105" i="2"/>
  <c r="K105" i="2"/>
  <c r="J105" i="2"/>
  <c r="I105" i="2"/>
  <c r="H105" i="2"/>
  <c r="G105" i="2"/>
  <c r="Q25" i="2"/>
  <c r="P25" i="2"/>
  <c r="O25" i="2"/>
  <c r="N25" i="2"/>
  <c r="M25" i="2"/>
  <c r="L25" i="2"/>
  <c r="K25" i="2"/>
  <c r="J25" i="2"/>
  <c r="I25" i="2"/>
  <c r="H25" i="2"/>
  <c r="G25" i="2"/>
  <c r="Q24" i="2"/>
  <c r="P24" i="2"/>
  <c r="O24" i="2"/>
  <c r="N24" i="2"/>
  <c r="M24" i="2"/>
  <c r="L24" i="2"/>
  <c r="K24" i="2"/>
  <c r="J24" i="2"/>
  <c r="I24" i="2"/>
  <c r="H24" i="2"/>
  <c r="G24" i="2"/>
  <c r="Q23" i="2"/>
  <c r="P23" i="2"/>
  <c r="O23" i="2"/>
  <c r="N23" i="2"/>
  <c r="M23" i="2"/>
  <c r="L23" i="2"/>
  <c r="K23" i="2"/>
  <c r="J23" i="2"/>
  <c r="I23" i="2"/>
  <c r="H23" i="2"/>
  <c r="G23" i="2"/>
  <c r="Q22" i="2"/>
  <c r="P22" i="2"/>
  <c r="O22" i="2"/>
  <c r="N22" i="2"/>
  <c r="M22" i="2"/>
  <c r="L22" i="2"/>
  <c r="K22" i="2"/>
  <c r="J22" i="2"/>
  <c r="I22" i="2"/>
  <c r="H22" i="2"/>
  <c r="G22" i="2"/>
  <c r="Q21" i="2"/>
  <c r="P21" i="2"/>
  <c r="O21" i="2"/>
  <c r="N21" i="2"/>
  <c r="M21" i="2"/>
  <c r="L21" i="2"/>
  <c r="K21" i="2"/>
  <c r="J21" i="2"/>
  <c r="I21" i="2"/>
  <c r="H21" i="2"/>
  <c r="G21" i="2"/>
  <c r="Q20" i="2"/>
  <c r="P20" i="2"/>
  <c r="O20" i="2"/>
  <c r="N20" i="2"/>
  <c r="M20" i="2"/>
  <c r="L20" i="2"/>
  <c r="K20" i="2"/>
  <c r="J20" i="2"/>
  <c r="I20" i="2"/>
  <c r="H20" i="2"/>
  <c r="G20" i="2"/>
  <c r="Q19" i="2"/>
  <c r="P19" i="2"/>
  <c r="P33" i="2" s="1"/>
  <c r="O19" i="2"/>
  <c r="N19" i="2"/>
  <c r="M19" i="2"/>
  <c r="L19" i="2"/>
  <c r="L33" i="2" s="1"/>
  <c r="K19" i="2"/>
  <c r="J19" i="2"/>
  <c r="I19" i="2"/>
  <c r="H19" i="2"/>
  <c r="H33" i="2" s="1"/>
  <c r="G19" i="2"/>
  <c r="Q18" i="2"/>
  <c r="Q33" i="2" s="1"/>
  <c r="P18" i="2"/>
  <c r="O18" i="2"/>
  <c r="O33" i="2" s="1"/>
  <c r="N18" i="2"/>
  <c r="N33" i="2" s="1"/>
  <c r="M18" i="2"/>
  <c r="M33" i="2" s="1"/>
  <c r="L18" i="2"/>
  <c r="K18" i="2"/>
  <c r="K33" i="2" s="1"/>
  <c r="J18" i="2"/>
  <c r="J33" i="2" s="1"/>
  <c r="I18" i="2"/>
  <c r="I33" i="2" s="1"/>
  <c r="H18" i="2"/>
  <c r="G18" i="2"/>
  <c r="G33" i="2" s="1"/>
  <c r="Q17" i="2"/>
  <c r="P17" i="2"/>
  <c r="O17" i="2"/>
  <c r="N17" i="2"/>
  <c r="M17" i="2"/>
  <c r="L17" i="2"/>
  <c r="K17" i="2"/>
  <c r="J17" i="2"/>
  <c r="I17" i="2"/>
  <c r="H17" i="2"/>
  <c r="G17" i="2"/>
  <c r="Q16" i="2"/>
  <c r="P16" i="2"/>
  <c r="O16" i="2"/>
  <c r="N16" i="2"/>
  <c r="M16" i="2"/>
  <c r="L16" i="2"/>
  <c r="K16" i="2"/>
  <c r="J16" i="2"/>
  <c r="I16" i="2"/>
  <c r="H16" i="2"/>
  <c r="G16" i="2"/>
  <c r="Q15" i="2"/>
  <c r="P15" i="2"/>
  <c r="O15" i="2"/>
  <c r="N15" i="2"/>
  <c r="M15" i="2"/>
  <c r="L15" i="2"/>
  <c r="K15" i="2"/>
  <c r="J15" i="2"/>
  <c r="I15" i="2"/>
  <c r="H15" i="2"/>
  <c r="G15" i="2"/>
  <c r="Q14" i="2"/>
  <c r="P14" i="2"/>
  <c r="O14" i="2"/>
  <c r="N14" i="2"/>
  <c r="M14" i="2"/>
  <c r="L14" i="2"/>
  <c r="K14" i="2"/>
  <c r="J14" i="2"/>
  <c r="I14" i="2"/>
  <c r="H14" i="2"/>
  <c r="G14" i="2"/>
  <c r="Q13" i="2"/>
  <c r="P13" i="2"/>
  <c r="O13" i="2"/>
  <c r="N13" i="2"/>
  <c r="M13" i="2"/>
  <c r="L13" i="2"/>
  <c r="K13" i="2"/>
  <c r="J13" i="2"/>
  <c r="I13" i="2"/>
  <c r="H13" i="2"/>
  <c r="G13" i="2"/>
  <c r="Q12" i="2"/>
  <c r="P12" i="2"/>
  <c r="O12" i="2"/>
  <c r="N12" i="2"/>
  <c r="M12" i="2"/>
  <c r="L12" i="2"/>
  <c r="K12" i="2"/>
  <c r="J12" i="2"/>
  <c r="I12" i="2"/>
  <c r="H12" i="2"/>
  <c r="G12" i="2"/>
  <c r="Q11" i="2"/>
  <c r="P11" i="2"/>
  <c r="O11" i="2"/>
  <c r="N11" i="2"/>
  <c r="M11" i="2"/>
  <c r="L11" i="2"/>
  <c r="K11" i="2"/>
  <c r="J11" i="2"/>
  <c r="I11" i="2"/>
  <c r="H11" i="2"/>
  <c r="G11" i="2"/>
  <c r="Q10" i="2"/>
  <c r="P10" i="2"/>
  <c r="O10" i="2"/>
  <c r="N10" i="2"/>
  <c r="M10" i="2"/>
  <c r="L10" i="2"/>
  <c r="K10" i="2"/>
  <c r="J10" i="2"/>
  <c r="I10" i="2"/>
  <c r="H10" i="2"/>
  <c r="G10" i="2"/>
  <c r="Q9" i="2"/>
  <c r="P9" i="2"/>
  <c r="O9" i="2"/>
  <c r="N9" i="2"/>
  <c r="M9" i="2"/>
  <c r="L9" i="2"/>
  <c r="K9" i="2"/>
  <c r="J9" i="2"/>
  <c r="I9" i="2"/>
  <c r="H9" i="2"/>
  <c r="G9" i="2"/>
  <c r="Q8" i="2"/>
  <c r="Q32" i="2" s="1"/>
  <c r="P8" i="2"/>
  <c r="P32" i="2" s="1"/>
  <c r="O8" i="2"/>
  <c r="O32" i="2" s="1"/>
  <c r="N8" i="2"/>
  <c r="N32" i="2" s="1"/>
  <c r="M8" i="2"/>
  <c r="M32" i="2" s="1"/>
  <c r="L8" i="2"/>
  <c r="L32" i="2" s="1"/>
  <c r="K8" i="2"/>
  <c r="K32" i="2" s="1"/>
  <c r="J8" i="2"/>
  <c r="J32" i="2" s="1"/>
  <c r="I8" i="2"/>
  <c r="I32" i="2" s="1"/>
  <c r="H8" i="2"/>
  <c r="H32" i="2" s="1"/>
  <c r="G8" i="2"/>
  <c r="G32" i="2" s="1"/>
  <c r="Q7" i="2"/>
  <c r="P7" i="2"/>
  <c r="O7" i="2"/>
  <c r="N7" i="2"/>
  <c r="M7" i="2"/>
  <c r="L7" i="2"/>
  <c r="K7" i="2"/>
  <c r="J7" i="2"/>
  <c r="I7" i="2"/>
  <c r="H7" i="2"/>
  <c r="G7" i="2"/>
  <c r="Q6" i="2"/>
  <c r="P6" i="2"/>
  <c r="O6" i="2"/>
  <c r="N6" i="2"/>
  <c r="M6" i="2"/>
  <c r="L6" i="2"/>
  <c r="K6" i="2"/>
  <c r="J6" i="2"/>
  <c r="I6" i="2"/>
  <c r="H6" i="2"/>
  <c r="G6" i="2"/>
  <c r="Q5" i="2"/>
  <c r="Q31" i="2" s="1"/>
  <c r="P5" i="2"/>
  <c r="P26" i="2" s="1"/>
  <c r="O5" i="2"/>
  <c r="O26" i="2" s="1"/>
  <c r="N5" i="2"/>
  <c r="N26" i="2" s="1"/>
  <c r="M5" i="2"/>
  <c r="M31" i="2" s="1"/>
  <c r="L5" i="2"/>
  <c r="L26" i="2" s="1"/>
  <c r="K5" i="2"/>
  <c r="K26" i="2" s="1"/>
  <c r="J5" i="2"/>
  <c r="J26" i="2" s="1"/>
  <c r="I5" i="2"/>
  <c r="I31" i="2" s="1"/>
  <c r="H5" i="2"/>
  <c r="H26" i="2" s="1"/>
  <c r="G5" i="2"/>
  <c r="G26" i="2" s="1"/>
  <c r="Q159" i="1"/>
  <c r="Q165" i="1" s="1"/>
  <c r="P158" i="1"/>
  <c r="O158" i="1"/>
  <c r="N158" i="1"/>
  <c r="M158" i="1"/>
  <c r="L158" i="1"/>
  <c r="K158" i="1"/>
  <c r="J158" i="1"/>
  <c r="I158" i="1"/>
  <c r="H158" i="1"/>
  <c r="G158" i="1"/>
  <c r="P157" i="1"/>
  <c r="O157" i="1"/>
  <c r="N157" i="1"/>
  <c r="M157" i="1"/>
  <c r="L157" i="1"/>
  <c r="K157" i="1"/>
  <c r="J157" i="1"/>
  <c r="I157" i="1"/>
  <c r="H157" i="1"/>
  <c r="G157" i="1"/>
  <c r="P156" i="1"/>
  <c r="O156" i="1"/>
  <c r="O159" i="1" s="1"/>
  <c r="O165" i="1" s="1"/>
  <c r="N156" i="1"/>
  <c r="N159" i="1" s="1"/>
  <c r="N165" i="1" s="1"/>
  <c r="M156" i="1"/>
  <c r="L156" i="1"/>
  <c r="K156" i="1"/>
  <c r="K159" i="1" s="1"/>
  <c r="K165" i="1" s="1"/>
  <c r="J156" i="1"/>
  <c r="J159" i="1" s="1"/>
  <c r="J165" i="1" s="1"/>
  <c r="I156" i="1"/>
  <c r="H156" i="1"/>
  <c r="G156" i="1"/>
  <c r="G159" i="1" s="1"/>
  <c r="G165" i="1" s="1"/>
  <c r="Q151" i="1"/>
  <c r="P151" i="1"/>
  <c r="O151" i="1"/>
  <c r="N151" i="1"/>
  <c r="M151" i="1"/>
  <c r="L151" i="1"/>
  <c r="K151" i="1"/>
  <c r="J151" i="1"/>
  <c r="I151" i="1"/>
  <c r="H151" i="1"/>
  <c r="G151" i="1"/>
  <c r="Q113" i="1"/>
  <c r="Q118" i="1" s="1"/>
  <c r="P112" i="1"/>
  <c r="O112" i="1"/>
  <c r="N112" i="1"/>
  <c r="M112" i="1"/>
  <c r="L112" i="1"/>
  <c r="K112" i="1"/>
  <c r="J112" i="1"/>
  <c r="I112" i="1"/>
  <c r="H112" i="1"/>
  <c r="G112" i="1"/>
  <c r="P111" i="1"/>
  <c r="O111" i="1"/>
  <c r="N111" i="1"/>
  <c r="M111" i="1"/>
  <c r="L111" i="1"/>
  <c r="K111" i="1"/>
  <c r="J111" i="1"/>
  <c r="I111" i="1"/>
  <c r="H111" i="1"/>
  <c r="G111" i="1"/>
  <c r="P110" i="1"/>
  <c r="P113" i="1" s="1"/>
  <c r="P119" i="1" s="1"/>
  <c r="O110" i="1"/>
  <c r="O113" i="1" s="1"/>
  <c r="O119" i="1" s="1"/>
  <c r="N110" i="1"/>
  <c r="M110" i="1"/>
  <c r="L110" i="1"/>
  <c r="L113" i="1" s="1"/>
  <c r="L119" i="1" s="1"/>
  <c r="K110" i="1"/>
  <c r="K113" i="1" s="1"/>
  <c r="K119" i="1" s="1"/>
  <c r="J110" i="1"/>
  <c r="I110" i="1"/>
  <c r="H110" i="1"/>
  <c r="H113" i="1" s="1"/>
  <c r="H119" i="1" s="1"/>
  <c r="G110" i="1"/>
  <c r="G113" i="1" s="1"/>
  <c r="G119" i="1" s="1"/>
  <c r="Q105" i="1"/>
  <c r="P105" i="1"/>
  <c r="O105" i="1"/>
  <c r="N105" i="1"/>
  <c r="M105" i="1"/>
  <c r="L105" i="1"/>
  <c r="K105" i="1"/>
  <c r="J105" i="1"/>
  <c r="I105" i="1"/>
  <c r="H105" i="1"/>
  <c r="G105" i="1"/>
  <c r="Q25" i="1"/>
  <c r="P25" i="1"/>
  <c r="O25" i="1"/>
  <c r="N25" i="1"/>
  <c r="M25" i="1"/>
  <c r="L25" i="1"/>
  <c r="K25" i="1"/>
  <c r="J25" i="1"/>
  <c r="I25" i="1"/>
  <c r="H25" i="1"/>
  <c r="G25" i="1"/>
  <c r="Q24" i="1"/>
  <c r="P24" i="1"/>
  <c r="O24" i="1"/>
  <c r="N24" i="1"/>
  <c r="M24" i="1"/>
  <c r="L24" i="1"/>
  <c r="K24" i="1"/>
  <c r="J24" i="1"/>
  <c r="I24" i="1"/>
  <c r="H24" i="1"/>
  <c r="G24" i="1"/>
  <c r="Q23" i="1"/>
  <c r="P23" i="1"/>
  <c r="O23" i="1"/>
  <c r="N23" i="1"/>
  <c r="M23" i="1"/>
  <c r="L23" i="1"/>
  <c r="K23" i="1"/>
  <c r="J23" i="1"/>
  <c r="I23" i="1"/>
  <c r="H23" i="1"/>
  <c r="G23" i="1"/>
  <c r="Q22" i="1"/>
  <c r="P22" i="1"/>
  <c r="O22" i="1"/>
  <c r="N22" i="1"/>
  <c r="M22" i="1"/>
  <c r="L22" i="1"/>
  <c r="K22" i="1"/>
  <c r="J22" i="1"/>
  <c r="I22" i="1"/>
  <c r="H22" i="1"/>
  <c r="G22" i="1"/>
  <c r="Q21" i="1"/>
  <c r="P21" i="1"/>
  <c r="O21" i="1"/>
  <c r="N21" i="1"/>
  <c r="M21" i="1"/>
  <c r="L21" i="1"/>
  <c r="K21" i="1"/>
  <c r="J21" i="1"/>
  <c r="I21" i="1"/>
  <c r="H21" i="1"/>
  <c r="G21" i="1"/>
  <c r="Q20" i="1"/>
  <c r="P20" i="1"/>
  <c r="O20" i="1"/>
  <c r="N20" i="1"/>
  <c r="M20" i="1"/>
  <c r="L20" i="1"/>
  <c r="K20" i="1"/>
  <c r="J20" i="1"/>
  <c r="I20" i="1"/>
  <c r="H20" i="1"/>
  <c r="G20" i="1"/>
  <c r="Q19" i="1"/>
  <c r="P19" i="1"/>
  <c r="O19" i="1"/>
  <c r="N19" i="1"/>
  <c r="M19" i="1"/>
  <c r="L19" i="1"/>
  <c r="K19" i="1"/>
  <c r="J19" i="1"/>
  <c r="I19" i="1"/>
  <c r="H19" i="1"/>
  <c r="G19" i="1"/>
  <c r="Q18" i="1"/>
  <c r="Q33" i="1" s="1"/>
  <c r="P18" i="1"/>
  <c r="P33" i="1" s="1"/>
  <c r="O18" i="1"/>
  <c r="O33" i="1" s="1"/>
  <c r="N18" i="1"/>
  <c r="N33" i="1" s="1"/>
  <c r="M18" i="1"/>
  <c r="M33" i="1" s="1"/>
  <c r="L18" i="1"/>
  <c r="L33" i="1" s="1"/>
  <c r="K18" i="1"/>
  <c r="K33" i="1" s="1"/>
  <c r="J18" i="1"/>
  <c r="J33" i="1" s="1"/>
  <c r="I18" i="1"/>
  <c r="I33" i="1" s="1"/>
  <c r="H18" i="1"/>
  <c r="H33" i="1" s="1"/>
  <c r="G18" i="1"/>
  <c r="G33" i="1" s="1"/>
  <c r="Q17" i="1"/>
  <c r="P17" i="1"/>
  <c r="O17" i="1"/>
  <c r="N17" i="1"/>
  <c r="M17" i="1"/>
  <c r="L17" i="1"/>
  <c r="K17" i="1"/>
  <c r="J17" i="1"/>
  <c r="I17" i="1"/>
  <c r="H17" i="1"/>
  <c r="G17" i="1"/>
  <c r="Q16" i="1"/>
  <c r="P16" i="1"/>
  <c r="O16" i="1"/>
  <c r="N16" i="1"/>
  <c r="M16" i="1"/>
  <c r="L16" i="1"/>
  <c r="K16" i="1"/>
  <c r="J16" i="1"/>
  <c r="I16" i="1"/>
  <c r="H16" i="1"/>
  <c r="G16" i="1"/>
  <c r="Q15" i="1"/>
  <c r="P15" i="1"/>
  <c r="O15" i="1"/>
  <c r="N15" i="1"/>
  <c r="M15" i="1"/>
  <c r="L15" i="1"/>
  <c r="K15" i="1"/>
  <c r="J15" i="1"/>
  <c r="I15" i="1"/>
  <c r="H15" i="1"/>
  <c r="G15" i="1"/>
  <c r="Q14" i="1"/>
  <c r="P14" i="1"/>
  <c r="O14" i="1"/>
  <c r="N14" i="1"/>
  <c r="M14" i="1"/>
  <c r="L14" i="1"/>
  <c r="K14" i="1"/>
  <c r="J14" i="1"/>
  <c r="I14" i="1"/>
  <c r="H14" i="1"/>
  <c r="G14" i="1"/>
  <c r="Q13" i="1"/>
  <c r="P13" i="1"/>
  <c r="O13" i="1"/>
  <c r="N13" i="1"/>
  <c r="M13" i="1"/>
  <c r="L13" i="1"/>
  <c r="K13" i="1"/>
  <c r="J13" i="1"/>
  <c r="I13" i="1"/>
  <c r="H13" i="1"/>
  <c r="G13" i="1"/>
  <c r="Q12" i="1"/>
  <c r="P12" i="1"/>
  <c r="O12" i="1"/>
  <c r="N12" i="1"/>
  <c r="M12" i="1"/>
  <c r="L12" i="1"/>
  <c r="K12" i="1"/>
  <c r="J12" i="1"/>
  <c r="I12" i="1"/>
  <c r="H12" i="1"/>
  <c r="G12" i="1"/>
  <c r="Q11" i="1"/>
  <c r="P11" i="1"/>
  <c r="O11" i="1"/>
  <c r="N11" i="1"/>
  <c r="M11" i="1"/>
  <c r="L11" i="1"/>
  <c r="K11" i="1"/>
  <c r="J11" i="1"/>
  <c r="I11" i="1"/>
  <c r="H11" i="1"/>
  <c r="G11" i="1"/>
  <c r="Q10" i="1"/>
  <c r="P10" i="1"/>
  <c r="O10" i="1"/>
  <c r="N10" i="1"/>
  <c r="M10" i="1"/>
  <c r="L10" i="1"/>
  <c r="K10" i="1"/>
  <c r="J10" i="1"/>
  <c r="I10" i="1"/>
  <c r="H10" i="1"/>
  <c r="G10" i="1"/>
  <c r="Q9" i="1"/>
  <c r="P9" i="1"/>
  <c r="O9" i="1"/>
  <c r="N9" i="1"/>
  <c r="M9" i="1"/>
  <c r="L9" i="1"/>
  <c r="K9" i="1"/>
  <c r="J9" i="1"/>
  <c r="I9" i="1"/>
  <c r="H9" i="1"/>
  <c r="G9" i="1"/>
  <c r="Q8" i="1"/>
  <c r="Q32" i="1" s="1"/>
  <c r="P8" i="1"/>
  <c r="P32" i="1" s="1"/>
  <c r="O8" i="1"/>
  <c r="O32" i="1" s="1"/>
  <c r="N8" i="1"/>
  <c r="N32" i="1" s="1"/>
  <c r="M8" i="1"/>
  <c r="M32" i="1" s="1"/>
  <c r="L8" i="1"/>
  <c r="L32" i="1" s="1"/>
  <c r="K8" i="1"/>
  <c r="K32" i="1" s="1"/>
  <c r="J8" i="1"/>
  <c r="J32" i="1" s="1"/>
  <c r="I8" i="1"/>
  <c r="I32" i="1" s="1"/>
  <c r="H8" i="1"/>
  <c r="H32" i="1" s="1"/>
  <c r="G8" i="1"/>
  <c r="G32" i="1" s="1"/>
  <c r="Q7" i="1"/>
  <c r="P7" i="1"/>
  <c r="O7" i="1"/>
  <c r="N7" i="1"/>
  <c r="M7" i="1"/>
  <c r="L7" i="1"/>
  <c r="K7" i="1"/>
  <c r="J7" i="1"/>
  <c r="I7" i="1"/>
  <c r="H7" i="1"/>
  <c r="G7" i="1"/>
  <c r="Q6" i="1"/>
  <c r="P6" i="1"/>
  <c r="O6" i="1"/>
  <c r="N6" i="1"/>
  <c r="M6" i="1"/>
  <c r="L6" i="1"/>
  <c r="K6" i="1"/>
  <c r="J6" i="1"/>
  <c r="I6" i="1"/>
  <c r="H6" i="1"/>
  <c r="G6" i="1"/>
  <c r="Q5" i="1"/>
  <c r="Q26" i="1" s="1"/>
  <c r="P5" i="1"/>
  <c r="P26" i="1" s="1"/>
  <c r="O5" i="1"/>
  <c r="O26" i="1" s="1"/>
  <c r="N5" i="1"/>
  <c r="N31" i="1" s="1"/>
  <c r="M5" i="1"/>
  <c r="M26" i="1" s="1"/>
  <c r="L5" i="1"/>
  <c r="L26" i="1" s="1"/>
  <c r="K5" i="1"/>
  <c r="K26" i="1" s="1"/>
  <c r="J5" i="1"/>
  <c r="J31" i="1" s="1"/>
  <c r="I5" i="1"/>
  <c r="I26" i="1" s="1"/>
  <c r="H5" i="1"/>
  <c r="H26" i="1" s="1"/>
  <c r="G5" i="1"/>
  <c r="G26" i="1" s="1"/>
  <c r="G166" i="1" l="1"/>
  <c r="K166" i="1"/>
  <c r="O166" i="1"/>
  <c r="I34" i="2"/>
  <c r="I41" i="2" s="1"/>
  <c r="M34" i="2"/>
  <c r="M39" i="2" s="1"/>
  <c r="Q34" i="2"/>
  <c r="Q41" i="2" s="1"/>
  <c r="G120" i="1"/>
  <c r="K120" i="1"/>
  <c r="O120" i="1"/>
  <c r="I40" i="2"/>
  <c r="M40" i="2"/>
  <c r="Q40" i="2"/>
  <c r="J39" i="1"/>
  <c r="J34" i="1"/>
  <c r="J40" i="1" s="1"/>
  <c r="N34" i="1"/>
  <c r="N40" i="1" s="1"/>
  <c r="H120" i="1"/>
  <c r="L120" i="1"/>
  <c r="P120" i="1"/>
  <c r="J166" i="1"/>
  <c r="N166" i="1"/>
  <c r="J26" i="1"/>
  <c r="N26" i="1"/>
  <c r="G31" i="1"/>
  <c r="K31" i="1"/>
  <c r="O31" i="1"/>
  <c r="I113" i="1"/>
  <c r="I120" i="1" s="1"/>
  <c r="M113" i="1"/>
  <c r="M120" i="1" s="1"/>
  <c r="H159" i="1"/>
  <c r="H166" i="1" s="1"/>
  <c r="L159" i="1"/>
  <c r="L166" i="1" s="1"/>
  <c r="P159" i="1"/>
  <c r="P166" i="1" s="1"/>
  <c r="Q164" i="1"/>
  <c r="I26" i="2"/>
  <c r="M26" i="2"/>
  <c r="Q26" i="2"/>
  <c r="J31" i="2"/>
  <c r="N31" i="2"/>
  <c r="L119" i="2"/>
  <c r="J120" i="2"/>
  <c r="N120" i="2"/>
  <c r="Q119" i="2"/>
  <c r="Q120" i="2"/>
  <c r="N118" i="2"/>
  <c r="M164" i="2"/>
  <c r="J26" i="3"/>
  <c r="N26" i="3"/>
  <c r="I32" i="3"/>
  <c r="M32" i="3"/>
  <c r="Q32" i="3"/>
  <c r="I34" i="4"/>
  <c r="I39" i="4" s="1"/>
  <c r="M34" i="4"/>
  <c r="M39" i="4" s="1"/>
  <c r="Q34" i="4"/>
  <c r="Q39" i="4" s="1"/>
  <c r="I120" i="4"/>
  <c r="M120" i="4"/>
  <c r="H34" i="5"/>
  <c r="H39" i="5" s="1"/>
  <c r="L39" i="5"/>
  <c r="L34" i="5"/>
  <c r="P34" i="5"/>
  <c r="P39" i="5" s="1"/>
  <c r="L34" i="6"/>
  <c r="L39" i="6" s="1"/>
  <c r="M34" i="6"/>
  <c r="M39" i="6" s="1"/>
  <c r="H31" i="1"/>
  <c r="L31" i="1"/>
  <c r="P31" i="1"/>
  <c r="J113" i="1"/>
  <c r="J118" i="1" s="1"/>
  <c r="N113" i="1"/>
  <c r="N118" i="1" s="1"/>
  <c r="G118" i="1"/>
  <c r="K118" i="1"/>
  <c r="O118" i="1"/>
  <c r="Q120" i="1"/>
  <c r="I159" i="1"/>
  <c r="I164" i="1" s="1"/>
  <c r="M159" i="1"/>
  <c r="M164" i="1" s="1"/>
  <c r="J164" i="1"/>
  <c r="N164" i="1"/>
  <c r="G31" i="2"/>
  <c r="K31" i="2"/>
  <c r="O31" i="2"/>
  <c r="G113" i="2"/>
  <c r="G119" i="2" s="1"/>
  <c r="K113" i="2"/>
  <c r="K119" i="2" s="1"/>
  <c r="K118" i="2"/>
  <c r="O113" i="2"/>
  <c r="O119" i="2" s="1"/>
  <c r="I119" i="2"/>
  <c r="G26" i="3"/>
  <c r="G31" i="3"/>
  <c r="K26" i="3"/>
  <c r="K31" i="3"/>
  <c r="O26" i="3"/>
  <c r="O31" i="3"/>
  <c r="I166" i="3"/>
  <c r="M166" i="3"/>
  <c r="I41" i="4"/>
  <c r="M41" i="4"/>
  <c r="Q41" i="4"/>
  <c r="J118" i="4"/>
  <c r="N118" i="4"/>
  <c r="H41" i="5"/>
  <c r="L41" i="5"/>
  <c r="P41" i="5"/>
  <c r="M41" i="6"/>
  <c r="I31" i="1"/>
  <c r="M31" i="1"/>
  <c r="Q31" i="1"/>
  <c r="H118" i="1"/>
  <c r="L118" i="1"/>
  <c r="P118" i="1"/>
  <c r="Q119" i="1"/>
  <c r="G164" i="1"/>
  <c r="K164" i="1"/>
  <c r="O164" i="1"/>
  <c r="Q166" i="1"/>
  <c r="H31" i="2"/>
  <c r="L31" i="2"/>
  <c r="P31" i="2"/>
  <c r="L118" i="2"/>
  <c r="M113" i="2"/>
  <c r="M118" i="2" s="1"/>
  <c r="J118" i="2"/>
  <c r="G165" i="2"/>
  <c r="K165" i="2"/>
  <c r="I166" i="2"/>
  <c r="M166" i="2"/>
  <c r="G159" i="2"/>
  <c r="G166" i="2" s="1"/>
  <c r="O159" i="2"/>
  <c r="O166" i="2" s="1"/>
  <c r="I164" i="2"/>
  <c r="H26" i="3"/>
  <c r="H31" i="3"/>
  <c r="L26" i="3"/>
  <c r="L31" i="3"/>
  <c r="P26" i="3"/>
  <c r="P31" i="3"/>
  <c r="I26" i="3"/>
  <c r="I31" i="3"/>
  <c r="M26" i="3"/>
  <c r="M31" i="3"/>
  <c r="Q26" i="3"/>
  <c r="Q31" i="3"/>
  <c r="G32" i="3"/>
  <c r="K32" i="3"/>
  <c r="O32" i="3"/>
  <c r="I33" i="3"/>
  <c r="M33" i="3"/>
  <c r="Q33" i="3"/>
  <c r="G33" i="3"/>
  <c r="K33" i="3"/>
  <c r="O33" i="3"/>
  <c r="J120" i="3"/>
  <c r="N120" i="3"/>
  <c r="J164" i="3"/>
  <c r="N164" i="3"/>
  <c r="G120" i="4"/>
  <c r="K120" i="4"/>
  <c r="O120" i="4"/>
  <c r="I120" i="2"/>
  <c r="M120" i="2"/>
  <c r="H113" i="2"/>
  <c r="H120" i="2" s="1"/>
  <c r="P113" i="2"/>
  <c r="P120" i="2" s="1"/>
  <c r="J159" i="2"/>
  <c r="J164" i="2" s="1"/>
  <c r="N159" i="2"/>
  <c r="N165" i="2" s="1"/>
  <c r="H165" i="2"/>
  <c r="L165" i="2"/>
  <c r="P165" i="2"/>
  <c r="H159" i="2"/>
  <c r="H164" i="2" s="1"/>
  <c r="P159" i="2"/>
  <c r="P164" i="2" s="1"/>
  <c r="H32" i="3"/>
  <c r="L32" i="3"/>
  <c r="P32" i="3"/>
  <c r="J33" i="3"/>
  <c r="N33" i="3"/>
  <c r="G118" i="3"/>
  <c r="K118" i="3"/>
  <c r="O118" i="3"/>
  <c r="I40" i="4"/>
  <c r="M40" i="4"/>
  <c r="Q40" i="4"/>
  <c r="H166" i="4"/>
  <c r="L166" i="4"/>
  <c r="P166" i="4"/>
  <c r="H40" i="5"/>
  <c r="L40" i="5"/>
  <c r="P40" i="5"/>
  <c r="I113" i="3"/>
  <c r="I119" i="3" s="1"/>
  <c r="M113" i="3"/>
  <c r="M119" i="3" s="1"/>
  <c r="J118" i="3"/>
  <c r="N118" i="3"/>
  <c r="G119" i="3"/>
  <c r="K119" i="3"/>
  <c r="O119" i="3"/>
  <c r="H159" i="3"/>
  <c r="H165" i="3" s="1"/>
  <c r="L159" i="3"/>
  <c r="L165" i="3" s="1"/>
  <c r="P159" i="3"/>
  <c r="P165" i="3" s="1"/>
  <c r="I164" i="3"/>
  <c r="M164" i="3"/>
  <c r="J165" i="3"/>
  <c r="N165" i="3"/>
  <c r="J31" i="4"/>
  <c r="N31" i="4"/>
  <c r="H113" i="4"/>
  <c r="H119" i="4" s="1"/>
  <c r="L113" i="4"/>
  <c r="L119" i="4" s="1"/>
  <c r="P113" i="4"/>
  <c r="P119" i="4" s="1"/>
  <c r="I118" i="4"/>
  <c r="M118" i="4"/>
  <c r="J119" i="4"/>
  <c r="N119" i="4"/>
  <c r="G159" i="4"/>
  <c r="G165" i="4" s="1"/>
  <c r="K159" i="4"/>
  <c r="K165" i="4" s="1"/>
  <c r="O159" i="4"/>
  <c r="O165" i="4" s="1"/>
  <c r="H164" i="4"/>
  <c r="L164" i="4"/>
  <c r="P164" i="4"/>
  <c r="I165" i="4"/>
  <c r="M165" i="4"/>
  <c r="Q165" i="4"/>
  <c r="I31" i="5"/>
  <c r="M31" i="5"/>
  <c r="Q31" i="5"/>
  <c r="K118" i="5"/>
  <c r="M118" i="5"/>
  <c r="K166" i="5"/>
  <c r="J26" i="6"/>
  <c r="J31" i="6"/>
  <c r="N26" i="6"/>
  <c r="N31" i="6"/>
  <c r="G26" i="6"/>
  <c r="O26" i="6"/>
  <c r="K34" i="6"/>
  <c r="K39" i="6" s="1"/>
  <c r="P40" i="6"/>
  <c r="Q120" i="6"/>
  <c r="Q118" i="6"/>
  <c r="Q119" i="6"/>
  <c r="H119" i="3"/>
  <c r="L119" i="3"/>
  <c r="P119" i="3"/>
  <c r="G165" i="3"/>
  <c r="K165" i="3"/>
  <c r="O165" i="3"/>
  <c r="G31" i="4"/>
  <c r="K31" i="4"/>
  <c r="O31" i="4"/>
  <c r="G119" i="4"/>
  <c r="K119" i="4"/>
  <c r="O119" i="4"/>
  <c r="Q164" i="4"/>
  <c r="J165" i="4"/>
  <c r="N165" i="4"/>
  <c r="J31" i="5"/>
  <c r="N31" i="5"/>
  <c r="L120" i="5"/>
  <c r="J165" i="5"/>
  <c r="H166" i="5"/>
  <c r="L166" i="5"/>
  <c r="P166" i="5"/>
  <c r="N159" i="5"/>
  <c r="N166" i="5" s="1"/>
  <c r="H164" i="5"/>
  <c r="P164" i="5"/>
  <c r="H41" i="6"/>
  <c r="L41" i="6"/>
  <c r="P41" i="6"/>
  <c r="I118" i="6"/>
  <c r="M118" i="6"/>
  <c r="M113" i="6"/>
  <c r="O119" i="6"/>
  <c r="I120" i="6"/>
  <c r="M120" i="6"/>
  <c r="G113" i="6"/>
  <c r="G119" i="6" s="1"/>
  <c r="K164" i="6"/>
  <c r="K166" i="6"/>
  <c r="G164" i="6"/>
  <c r="P31" i="7"/>
  <c r="H31" i="4"/>
  <c r="L31" i="4"/>
  <c r="P31" i="4"/>
  <c r="G31" i="5"/>
  <c r="K31" i="5"/>
  <c r="O31" i="5"/>
  <c r="K119" i="5"/>
  <c r="I120" i="5"/>
  <c r="M120" i="5"/>
  <c r="G113" i="5"/>
  <c r="G120" i="5" s="1"/>
  <c r="O113" i="5"/>
  <c r="O120" i="5" s="1"/>
  <c r="I118" i="5"/>
  <c r="I159" i="5"/>
  <c r="I165" i="5" s="1"/>
  <c r="I164" i="5"/>
  <c r="M159" i="5"/>
  <c r="M165" i="5" s="1"/>
  <c r="M164" i="5"/>
  <c r="K165" i="5"/>
  <c r="O165" i="5"/>
  <c r="G159" i="5"/>
  <c r="G164" i="5" s="1"/>
  <c r="O159" i="5"/>
  <c r="O164" i="5" s="1"/>
  <c r="G40" i="6"/>
  <c r="K40" i="6"/>
  <c r="H39" i="6"/>
  <c r="P39" i="6"/>
  <c r="M40" i="6"/>
  <c r="G34" i="6"/>
  <c r="G41" i="6" s="1"/>
  <c r="O34" i="6"/>
  <c r="O40" i="6" s="1"/>
  <c r="H40" i="6"/>
  <c r="J118" i="6"/>
  <c r="J120" i="6"/>
  <c r="N118" i="6"/>
  <c r="J113" i="5"/>
  <c r="J119" i="5" s="1"/>
  <c r="J118" i="5"/>
  <c r="N113" i="5"/>
  <c r="N119" i="5" s="1"/>
  <c r="N118" i="5"/>
  <c r="L119" i="5"/>
  <c r="P119" i="5"/>
  <c r="H113" i="5"/>
  <c r="H118" i="5" s="1"/>
  <c r="P113" i="5"/>
  <c r="P118" i="5" s="1"/>
  <c r="N164" i="5"/>
  <c r="L40" i="6"/>
  <c r="I39" i="6"/>
  <c r="I34" i="6"/>
  <c r="I41" i="6" s="1"/>
  <c r="Q34" i="6"/>
  <c r="Q40" i="6" s="1"/>
  <c r="K41" i="6"/>
  <c r="M119" i="6"/>
  <c r="J26" i="7"/>
  <c r="J31" i="7"/>
  <c r="N26" i="7"/>
  <c r="N31" i="7"/>
  <c r="G118" i="6"/>
  <c r="O118" i="6"/>
  <c r="G120" i="6"/>
  <c r="O120" i="6"/>
  <c r="K113" i="6"/>
  <c r="K119" i="6" s="1"/>
  <c r="L164" i="6"/>
  <c r="H166" i="6"/>
  <c r="L166" i="6"/>
  <c r="G31" i="7"/>
  <c r="K31" i="7"/>
  <c r="O31" i="7"/>
  <c r="J32" i="7"/>
  <c r="N32" i="7"/>
  <c r="G119" i="7"/>
  <c r="G120" i="7"/>
  <c r="K119" i="7"/>
  <c r="K120" i="7"/>
  <c r="O119" i="7"/>
  <c r="O120" i="7"/>
  <c r="I120" i="7"/>
  <c r="J119" i="6"/>
  <c r="N119" i="6"/>
  <c r="G165" i="6"/>
  <c r="K165" i="6"/>
  <c r="O165" i="6"/>
  <c r="H159" i="6"/>
  <c r="H165" i="6" s="1"/>
  <c r="P159" i="6"/>
  <c r="P166" i="6" s="1"/>
  <c r="H26" i="7"/>
  <c r="L26" i="7"/>
  <c r="P26" i="7"/>
  <c r="I26" i="7"/>
  <c r="M26" i="7"/>
  <c r="Q26" i="7"/>
  <c r="G32" i="7"/>
  <c r="K32" i="7"/>
  <c r="O32" i="7"/>
  <c r="I33" i="7"/>
  <c r="M33" i="7"/>
  <c r="Q33" i="7"/>
  <c r="H113" i="7"/>
  <c r="H119" i="7" s="1"/>
  <c r="H118" i="7"/>
  <c r="L113" i="7"/>
  <c r="L119" i="7" s="1"/>
  <c r="L118" i="7"/>
  <c r="P113" i="7"/>
  <c r="P119" i="7" s="1"/>
  <c r="P118" i="7"/>
  <c r="J119" i="7"/>
  <c r="N119" i="7"/>
  <c r="H120" i="7"/>
  <c r="L120" i="7"/>
  <c r="P120" i="7"/>
  <c r="G118" i="7"/>
  <c r="M120" i="7"/>
  <c r="J164" i="7"/>
  <c r="J165" i="7"/>
  <c r="N164" i="7"/>
  <c r="N165" i="7"/>
  <c r="H166" i="7"/>
  <c r="H164" i="7"/>
  <c r="L166" i="7"/>
  <c r="L164" i="7"/>
  <c r="N164" i="6"/>
  <c r="N166" i="6"/>
  <c r="J159" i="6"/>
  <c r="J165" i="6" s="1"/>
  <c r="I34" i="7"/>
  <c r="I40" i="7" s="1"/>
  <c r="I39" i="7"/>
  <c r="M34" i="7"/>
  <c r="M40" i="7" s="1"/>
  <c r="M39" i="7"/>
  <c r="Q34" i="7"/>
  <c r="Q40" i="7" s="1"/>
  <c r="Q39" i="7"/>
  <c r="H32" i="7"/>
  <c r="L32" i="7"/>
  <c r="L34" i="7" s="1"/>
  <c r="P32" i="7"/>
  <c r="G159" i="7"/>
  <c r="G165" i="7" s="1"/>
  <c r="K159" i="7"/>
  <c r="K165" i="7" s="1"/>
  <c r="O159" i="7"/>
  <c r="O165" i="7" s="1"/>
  <c r="I159" i="7"/>
  <c r="I164" i="7" s="1"/>
  <c r="M159" i="7"/>
  <c r="M164" i="7" s="1"/>
  <c r="G166" i="7"/>
  <c r="O166" i="7"/>
  <c r="J118" i="7"/>
  <c r="J120" i="7"/>
  <c r="I119" i="7"/>
  <c r="M119" i="7"/>
  <c r="H165" i="7"/>
  <c r="L165" i="7"/>
  <c r="P165" i="7"/>
  <c r="J31" i="8"/>
  <c r="N31" i="8"/>
  <c r="I32" i="8"/>
  <c r="M32" i="8"/>
  <c r="Q32" i="8"/>
  <c r="G33" i="8"/>
  <c r="K33" i="8"/>
  <c r="O33" i="8"/>
  <c r="J166" i="8"/>
  <c r="N166" i="8"/>
  <c r="M166" i="7"/>
  <c r="Q165" i="7"/>
  <c r="G31" i="8"/>
  <c r="K31" i="8"/>
  <c r="O31" i="8"/>
  <c r="J32" i="8"/>
  <c r="N32" i="8"/>
  <c r="I120" i="8"/>
  <c r="M120" i="8"/>
  <c r="G164" i="8"/>
  <c r="K164" i="8"/>
  <c r="O164" i="8"/>
  <c r="J166" i="7"/>
  <c r="N166" i="7"/>
  <c r="Q164" i="7"/>
  <c r="H26" i="8"/>
  <c r="H31" i="8"/>
  <c r="L26" i="8"/>
  <c r="L31" i="8"/>
  <c r="P26" i="8"/>
  <c r="P31" i="8"/>
  <c r="G32" i="8"/>
  <c r="K32" i="8"/>
  <c r="O32" i="8"/>
  <c r="I33" i="8"/>
  <c r="M33" i="8"/>
  <c r="Q33" i="8"/>
  <c r="N118" i="8"/>
  <c r="N120" i="8"/>
  <c r="H166" i="8"/>
  <c r="I26" i="8"/>
  <c r="I31" i="8"/>
  <c r="M26" i="8"/>
  <c r="M31" i="8"/>
  <c r="Q26" i="8"/>
  <c r="Q31" i="8"/>
  <c r="G120" i="8"/>
  <c r="K120" i="8"/>
  <c r="O120" i="8"/>
  <c r="G26" i="8"/>
  <c r="K26" i="8"/>
  <c r="O26" i="8"/>
  <c r="J113" i="8"/>
  <c r="J119" i="8" s="1"/>
  <c r="N113" i="8"/>
  <c r="N119" i="8" s="1"/>
  <c r="G118" i="8"/>
  <c r="K118" i="8"/>
  <c r="O118" i="8"/>
  <c r="H119" i="8"/>
  <c r="L119" i="8"/>
  <c r="P119" i="8"/>
  <c r="Q120" i="8"/>
  <c r="I159" i="8"/>
  <c r="I165" i="8" s="1"/>
  <c r="M159" i="8"/>
  <c r="M165" i="8" s="1"/>
  <c r="J164" i="8"/>
  <c r="N164" i="8"/>
  <c r="G165" i="8"/>
  <c r="K165" i="8"/>
  <c r="O165" i="8"/>
  <c r="I31" i="9"/>
  <c r="M31" i="9"/>
  <c r="Q31" i="9"/>
  <c r="H32" i="9"/>
  <c r="L32" i="9"/>
  <c r="P32" i="9"/>
  <c r="J33" i="9"/>
  <c r="N33" i="9"/>
  <c r="G31" i="9"/>
  <c r="G120" i="9"/>
  <c r="K120" i="9"/>
  <c r="O120" i="9"/>
  <c r="G165" i="9"/>
  <c r="K165" i="9"/>
  <c r="O165" i="9"/>
  <c r="I166" i="9"/>
  <c r="M166" i="9"/>
  <c r="J119" i="10"/>
  <c r="N119" i="10"/>
  <c r="H165" i="10"/>
  <c r="L165" i="10"/>
  <c r="P165" i="10"/>
  <c r="J166" i="10"/>
  <c r="N166" i="10"/>
  <c r="I119" i="8"/>
  <c r="M119" i="8"/>
  <c r="Q119" i="8"/>
  <c r="H165" i="8"/>
  <c r="L165" i="8"/>
  <c r="P165" i="8"/>
  <c r="J31" i="9"/>
  <c r="N31" i="9"/>
  <c r="I32" i="9"/>
  <c r="M32" i="9"/>
  <c r="Q32" i="9"/>
  <c r="G33" i="9"/>
  <c r="K33" i="9"/>
  <c r="O33" i="9"/>
  <c r="K26" i="9"/>
  <c r="O26" i="9"/>
  <c r="J119" i="9"/>
  <c r="N119" i="9"/>
  <c r="H120" i="9"/>
  <c r="L120" i="9"/>
  <c r="P120" i="9"/>
  <c r="J166" i="9"/>
  <c r="N166" i="9"/>
  <c r="G119" i="10"/>
  <c r="K119" i="10"/>
  <c r="O119" i="10"/>
  <c r="I120" i="10"/>
  <c r="M120" i="10"/>
  <c r="I165" i="10"/>
  <c r="M165" i="10"/>
  <c r="O34" i="9"/>
  <c r="O39" i="9" s="1"/>
  <c r="G166" i="9"/>
  <c r="K166" i="9"/>
  <c r="O166" i="9"/>
  <c r="M41" i="10"/>
  <c r="J120" i="10"/>
  <c r="N120" i="10"/>
  <c r="H166" i="10"/>
  <c r="L166" i="10"/>
  <c r="P166" i="10"/>
  <c r="H31" i="9"/>
  <c r="L31" i="9"/>
  <c r="P31" i="9"/>
  <c r="G32" i="9"/>
  <c r="K32" i="9"/>
  <c r="O32" i="9"/>
  <c r="I33" i="9"/>
  <c r="M33" i="9"/>
  <c r="Q33" i="9"/>
  <c r="I26" i="9"/>
  <c r="M26" i="9"/>
  <c r="Q26" i="9"/>
  <c r="J120" i="9"/>
  <c r="N120" i="9"/>
  <c r="H164" i="9"/>
  <c r="P164" i="9"/>
  <c r="I39" i="10"/>
  <c r="I34" i="10"/>
  <c r="I40" i="10" s="1"/>
  <c r="M39" i="10"/>
  <c r="M34" i="10"/>
  <c r="M40" i="10" s="1"/>
  <c r="Q39" i="10"/>
  <c r="Q34" i="10"/>
  <c r="Q41" i="10" s="1"/>
  <c r="G120" i="10"/>
  <c r="K120" i="10"/>
  <c r="O120" i="10"/>
  <c r="I166" i="10"/>
  <c r="M166" i="10"/>
  <c r="I113" i="9"/>
  <c r="I118" i="9" s="1"/>
  <c r="M113" i="9"/>
  <c r="M119" i="9" s="1"/>
  <c r="J118" i="9"/>
  <c r="N118" i="9"/>
  <c r="H159" i="9"/>
  <c r="H165" i="9" s="1"/>
  <c r="L159" i="9"/>
  <c r="L166" i="9" s="1"/>
  <c r="P159" i="9"/>
  <c r="P166" i="9" s="1"/>
  <c r="I164" i="9"/>
  <c r="M164" i="9"/>
  <c r="Q164" i="9"/>
  <c r="I26" i="10"/>
  <c r="M26" i="10"/>
  <c r="Q26" i="10"/>
  <c r="J31" i="10"/>
  <c r="N31" i="10"/>
  <c r="H113" i="10"/>
  <c r="H120" i="10" s="1"/>
  <c r="L113" i="10"/>
  <c r="L118" i="10" s="1"/>
  <c r="P113" i="10"/>
  <c r="P119" i="10" s="1"/>
  <c r="I118" i="10"/>
  <c r="M118" i="10"/>
  <c r="Q118" i="10"/>
  <c r="G159" i="10"/>
  <c r="G164" i="10" s="1"/>
  <c r="K159" i="10"/>
  <c r="K164" i="10" s="1"/>
  <c r="O159" i="10"/>
  <c r="O164" i="10" s="1"/>
  <c r="H164" i="10"/>
  <c r="L164" i="10"/>
  <c r="P164" i="10"/>
  <c r="Q165" i="10"/>
  <c r="G118" i="9"/>
  <c r="K118" i="9"/>
  <c r="O118" i="9"/>
  <c r="Q120" i="9"/>
  <c r="J164" i="9"/>
  <c r="N164" i="9"/>
  <c r="G31" i="10"/>
  <c r="K31" i="10"/>
  <c r="O31" i="10"/>
  <c r="J118" i="10"/>
  <c r="N118" i="10"/>
  <c r="I164" i="10"/>
  <c r="M164" i="10"/>
  <c r="Q164" i="10"/>
  <c r="H118" i="9"/>
  <c r="L118" i="9"/>
  <c r="P118" i="9"/>
  <c r="Q119" i="9"/>
  <c r="G164" i="9"/>
  <c r="K164" i="9"/>
  <c r="O164" i="9"/>
  <c r="Q166" i="9"/>
  <c r="H31" i="10"/>
  <c r="L31" i="10"/>
  <c r="P31" i="10"/>
  <c r="G118" i="10"/>
  <c r="K118" i="10"/>
  <c r="O118" i="10"/>
  <c r="Q120" i="10"/>
  <c r="J164" i="10"/>
  <c r="N164" i="10"/>
  <c r="L39" i="7" l="1"/>
  <c r="L41" i="7"/>
  <c r="L34" i="10"/>
  <c r="L39" i="10" s="1"/>
  <c r="H34" i="10"/>
  <c r="H39" i="10" s="1"/>
  <c r="G34" i="10"/>
  <c r="G39" i="10" s="1"/>
  <c r="N34" i="10"/>
  <c r="N39" i="10" s="1"/>
  <c r="H166" i="9"/>
  <c r="O40" i="9"/>
  <c r="L34" i="9"/>
  <c r="L41" i="9" s="1"/>
  <c r="L119" i="10"/>
  <c r="I41" i="10"/>
  <c r="I120" i="9"/>
  <c r="O166" i="10"/>
  <c r="P165" i="9"/>
  <c r="N39" i="9"/>
  <c r="N34" i="9"/>
  <c r="N40" i="9" s="1"/>
  <c r="H118" i="10"/>
  <c r="Q40" i="10"/>
  <c r="I119" i="9"/>
  <c r="M34" i="9"/>
  <c r="M39" i="9" s="1"/>
  <c r="I164" i="8"/>
  <c r="Q34" i="8"/>
  <c r="Q39" i="8"/>
  <c r="I34" i="8"/>
  <c r="I39" i="8"/>
  <c r="J120" i="8"/>
  <c r="M165" i="7"/>
  <c r="O164" i="7"/>
  <c r="G164" i="7"/>
  <c r="I166" i="7"/>
  <c r="O34" i="7"/>
  <c r="O41" i="7" s="1"/>
  <c r="H164" i="6"/>
  <c r="H34" i="7"/>
  <c r="H40" i="7" s="1"/>
  <c r="Q39" i="6"/>
  <c r="O119" i="5"/>
  <c r="K34" i="5"/>
  <c r="K39" i="5"/>
  <c r="H34" i="4"/>
  <c r="H39" i="4"/>
  <c r="O39" i="6"/>
  <c r="N165" i="5"/>
  <c r="H120" i="5"/>
  <c r="I34" i="5"/>
  <c r="I39" i="5" s="1"/>
  <c r="I40" i="6"/>
  <c r="P118" i="4"/>
  <c r="K166" i="4"/>
  <c r="G164" i="4"/>
  <c r="N34" i="3"/>
  <c r="N41" i="3" s="1"/>
  <c r="Q34" i="3"/>
  <c r="Q39" i="3"/>
  <c r="I34" i="3"/>
  <c r="I41" i="3" s="1"/>
  <c r="I39" i="3"/>
  <c r="L34" i="3"/>
  <c r="L41" i="3" s="1"/>
  <c r="L39" i="3"/>
  <c r="H118" i="2"/>
  <c r="Q34" i="1"/>
  <c r="Q39" i="1" s="1"/>
  <c r="M166" i="5"/>
  <c r="I118" i="3"/>
  <c r="K34" i="3"/>
  <c r="K39" i="3" s="1"/>
  <c r="P166" i="2"/>
  <c r="O118" i="2"/>
  <c r="G118" i="2"/>
  <c r="G34" i="2"/>
  <c r="G39" i="2"/>
  <c r="L34" i="1"/>
  <c r="L39" i="1"/>
  <c r="L166" i="3"/>
  <c r="H164" i="3"/>
  <c r="G164" i="2"/>
  <c r="H119" i="2"/>
  <c r="O34" i="1"/>
  <c r="O39" i="1"/>
  <c r="J119" i="1"/>
  <c r="N39" i="1"/>
  <c r="M166" i="1"/>
  <c r="J41" i="1"/>
  <c r="O120" i="2"/>
  <c r="H164" i="1"/>
  <c r="M41" i="2"/>
  <c r="M165" i="1"/>
  <c r="J34" i="10"/>
  <c r="J39" i="10"/>
  <c r="O165" i="10"/>
  <c r="H34" i="9"/>
  <c r="H41" i="9" s="1"/>
  <c r="H119" i="10"/>
  <c r="M118" i="9"/>
  <c r="K166" i="10"/>
  <c r="L165" i="9"/>
  <c r="J34" i="9"/>
  <c r="J40" i="9" s="1"/>
  <c r="P120" i="10"/>
  <c r="G34" i="9"/>
  <c r="G41" i="9" s="1"/>
  <c r="L40" i="9"/>
  <c r="I34" i="9"/>
  <c r="I39" i="9"/>
  <c r="M166" i="8"/>
  <c r="I41" i="8"/>
  <c r="P34" i="8"/>
  <c r="P39" i="8"/>
  <c r="H34" i="8"/>
  <c r="H39" i="8"/>
  <c r="O34" i="8"/>
  <c r="O41" i="8" s="1"/>
  <c r="I40" i="8"/>
  <c r="J166" i="6"/>
  <c r="Q41" i="7"/>
  <c r="K39" i="7"/>
  <c r="K34" i="7"/>
  <c r="K41" i="7" s="1"/>
  <c r="N34" i="7"/>
  <c r="N41" i="7" s="1"/>
  <c r="Q41" i="6"/>
  <c r="G34" i="5"/>
  <c r="G39" i="5"/>
  <c r="P34" i="7"/>
  <c r="P41" i="7" s="1"/>
  <c r="P39" i="7"/>
  <c r="G39" i="6"/>
  <c r="N34" i="5"/>
  <c r="N39" i="5" s="1"/>
  <c r="O34" i="4"/>
  <c r="O39" i="4" s="1"/>
  <c r="J39" i="6"/>
  <c r="J34" i="6"/>
  <c r="G166" i="5"/>
  <c r="G118" i="5"/>
  <c r="N34" i="4"/>
  <c r="N39" i="4" s="1"/>
  <c r="O41" i="6"/>
  <c r="P120" i="4"/>
  <c r="L118" i="4"/>
  <c r="J166" i="2"/>
  <c r="J165" i="2"/>
  <c r="G166" i="4"/>
  <c r="O40" i="3"/>
  <c r="O165" i="2"/>
  <c r="P34" i="2"/>
  <c r="P39" i="2" s="1"/>
  <c r="M34" i="1"/>
  <c r="M39" i="1" s="1"/>
  <c r="I166" i="5"/>
  <c r="M120" i="3"/>
  <c r="H166" i="2"/>
  <c r="H34" i="1"/>
  <c r="H39" i="1"/>
  <c r="H166" i="3"/>
  <c r="Q40" i="3"/>
  <c r="N34" i="2"/>
  <c r="N39" i="2"/>
  <c r="K34" i="1"/>
  <c r="K39" i="1"/>
  <c r="P165" i="1"/>
  <c r="I166" i="1"/>
  <c r="M119" i="1"/>
  <c r="K120" i="2"/>
  <c r="Q39" i="2"/>
  <c r="I39" i="2"/>
  <c r="N120" i="1"/>
  <c r="I165" i="1"/>
  <c r="P34" i="10"/>
  <c r="P39" i="10"/>
  <c r="O34" i="10"/>
  <c r="O39" i="10"/>
  <c r="K165" i="10"/>
  <c r="L164" i="9"/>
  <c r="M41" i="9"/>
  <c r="G40" i="9"/>
  <c r="G166" i="10"/>
  <c r="O41" i="9"/>
  <c r="M40" i="9"/>
  <c r="L120" i="10"/>
  <c r="P118" i="10"/>
  <c r="N41" i="9"/>
  <c r="I166" i="8"/>
  <c r="M34" i="8"/>
  <c r="M41" i="8" s="1"/>
  <c r="M39" i="8"/>
  <c r="J118" i="8"/>
  <c r="O40" i="8"/>
  <c r="K34" i="8"/>
  <c r="K39" i="8" s="1"/>
  <c r="N34" i="8"/>
  <c r="N41" i="8" s="1"/>
  <c r="K166" i="7"/>
  <c r="I165" i="7"/>
  <c r="K164" i="7"/>
  <c r="P40" i="7"/>
  <c r="M41" i="7"/>
  <c r="N40" i="7"/>
  <c r="G34" i="7"/>
  <c r="G41" i="7" s="1"/>
  <c r="P164" i="6"/>
  <c r="K118" i="6"/>
  <c r="H119" i="5"/>
  <c r="G165" i="5"/>
  <c r="G119" i="5"/>
  <c r="P34" i="4"/>
  <c r="P39" i="4" s="1"/>
  <c r="P120" i="5"/>
  <c r="J34" i="5"/>
  <c r="J39" i="5"/>
  <c r="K34" i="4"/>
  <c r="K39" i="4"/>
  <c r="P165" i="6"/>
  <c r="Q34" i="5"/>
  <c r="Q39" i="5" s="1"/>
  <c r="J34" i="4"/>
  <c r="J39" i="4" s="1"/>
  <c r="L120" i="4"/>
  <c r="H118" i="4"/>
  <c r="P40" i="3"/>
  <c r="N164" i="2"/>
  <c r="N120" i="5"/>
  <c r="O164" i="4"/>
  <c r="Q41" i="3"/>
  <c r="K40" i="3"/>
  <c r="J34" i="3"/>
  <c r="J41" i="3" s="1"/>
  <c r="M34" i="3"/>
  <c r="M39" i="3"/>
  <c r="P34" i="3"/>
  <c r="P41" i="3" s="1"/>
  <c r="P39" i="3"/>
  <c r="H34" i="3"/>
  <c r="H41" i="3" s="1"/>
  <c r="H39" i="3"/>
  <c r="P118" i="2"/>
  <c r="L34" i="2"/>
  <c r="L39" i="2" s="1"/>
  <c r="I34" i="1"/>
  <c r="I39" i="1" s="1"/>
  <c r="I120" i="3"/>
  <c r="O34" i="3"/>
  <c r="O39" i="3"/>
  <c r="G34" i="3"/>
  <c r="G41" i="3" s="1"/>
  <c r="G39" i="3"/>
  <c r="M119" i="2"/>
  <c r="O34" i="2"/>
  <c r="O39" i="2" s="1"/>
  <c r="P164" i="3"/>
  <c r="M40" i="3"/>
  <c r="P119" i="2"/>
  <c r="J34" i="2"/>
  <c r="J39" i="2"/>
  <c r="G34" i="1"/>
  <c r="G39" i="1"/>
  <c r="L165" i="1"/>
  <c r="I119" i="1"/>
  <c r="G120" i="2"/>
  <c r="P164" i="1"/>
  <c r="J120" i="1"/>
  <c r="N166" i="2"/>
  <c r="M118" i="1"/>
  <c r="K34" i="10"/>
  <c r="K39" i="10" s="1"/>
  <c r="G165" i="10"/>
  <c r="I41" i="9"/>
  <c r="P34" i="9"/>
  <c r="P41" i="9" s="1"/>
  <c r="M120" i="9"/>
  <c r="K34" i="9"/>
  <c r="K39" i="9" s="1"/>
  <c r="K41" i="9"/>
  <c r="I40" i="9"/>
  <c r="J41" i="9"/>
  <c r="Q34" i="9"/>
  <c r="Q41" i="9" s="1"/>
  <c r="Q39" i="9"/>
  <c r="M164" i="8"/>
  <c r="Q41" i="8"/>
  <c r="L34" i="8"/>
  <c r="L39" i="8" s="1"/>
  <c r="N40" i="8"/>
  <c r="G34" i="8"/>
  <c r="G39" i="8" s="1"/>
  <c r="Q40" i="8"/>
  <c r="J34" i="8"/>
  <c r="J41" i="8" s="1"/>
  <c r="L40" i="7"/>
  <c r="J164" i="6"/>
  <c r="I41" i="7"/>
  <c r="K120" i="6"/>
  <c r="J34" i="7"/>
  <c r="J41" i="7" s="1"/>
  <c r="J39" i="7"/>
  <c r="O34" i="5"/>
  <c r="O39" i="5"/>
  <c r="L34" i="4"/>
  <c r="L39" i="4"/>
  <c r="G34" i="4"/>
  <c r="G39" i="4"/>
  <c r="N34" i="6"/>
  <c r="N39" i="6" s="1"/>
  <c r="O166" i="5"/>
  <c r="O118" i="5"/>
  <c r="M34" i="5"/>
  <c r="M39" i="5"/>
  <c r="H120" i="4"/>
  <c r="L40" i="3"/>
  <c r="J120" i="5"/>
  <c r="O166" i="4"/>
  <c r="K164" i="4"/>
  <c r="O41" i="3"/>
  <c r="M41" i="3"/>
  <c r="G40" i="3"/>
  <c r="H34" i="2"/>
  <c r="H39" i="2"/>
  <c r="M118" i="3"/>
  <c r="K34" i="2"/>
  <c r="K39" i="2" s="1"/>
  <c r="P34" i="1"/>
  <c r="P39" i="1" s="1"/>
  <c r="P166" i="3"/>
  <c r="L164" i="3"/>
  <c r="I40" i="3"/>
  <c r="O164" i="2"/>
  <c r="H165" i="1"/>
  <c r="N119" i="1"/>
  <c r="N41" i="1"/>
  <c r="L164" i="1"/>
  <c r="I118" i="1"/>
  <c r="M41" i="5" l="1"/>
  <c r="M40" i="5"/>
  <c r="L41" i="4"/>
  <c r="L40" i="4"/>
  <c r="P39" i="9"/>
  <c r="J40" i="2"/>
  <c r="J41" i="2"/>
  <c r="J40" i="5"/>
  <c r="J41" i="5"/>
  <c r="G40" i="7"/>
  <c r="G41" i="8"/>
  <c r="H40" i="9"/>
  <c r="O41" i="10"/>
  <c r="O40" i="10"/>
  <c r="K40" i="1"/>
  <c r="K41" i="1"/>
  <c r="J40" i="6"/>
  <c r="J41" i="6"/>
  <c r="N39" i="7"/>
  <c r="K40" i="7"/>
  <c r="K41" i="8"/>
  <c r="H40" i="8"/>
  <c r="H41" i="8"/>
  <c r="G39" i="9"/>
  <c r="J39" i="9"/>
  <c r="K40" i="9"/>
  <c r="J40" i="10"/>
  <c r="J41" i="10"/>
  <c r="L40" i="1"/>
  <c r="L41" i="1"/>
  <c r="H40" i="3"/>
  <c r="K41" i="5"/>
  <c r="K40" i="5"/>
  <c r="O40" i="7"/>
  <c r="G40" i="8"/>
  <c r="P40" i="1"/>
  <c r="P41" i="1"/>
  <c r="L40" i="8"/>
  <c r="L41" i="8"/>
  <c r="K41" i="10"/>
  <c r="K40" i="10"/>
  <c r="O40" i="2"/>
  <c r="O41" i="2"/>
  <c r="I40" i="1"/>
  <c r="I41" i="1"/>
  <c r="J41" i="4"/>
  <c r="J40" i="4"/>
  <c r="P41" i="2"/>
  <c r="P40" i="2"/>
  <c r="N40" i="4"/>
  <c r="N41" i="4"/>
  <c r="N40" i="5"/>
  <c r="N41" i="5"/>
  <c r="Q40" i="9"/>
  <c r="K41" i="3"/>
  <c r="I41" i="5"/>
  <c r="I40" i="5"/>
  <c r="M40" i="8"/>
  <c r="G41" i="10"/>
  <c r="G40" i="10"/>
  <c r="L41" i="10"/>
  <c r="L40" i="10"/>
  <c r="H40" i="2"/>
  <c r="H41" i="2"/>
  <c r="G40" i="4"/>
  <c r="G41" i="4"/>
  <c r="O41" i="5"/>
  <c r="O40" i="5"/>
  <c r="J40" i="7"/>
  <c r="J39" i="8"/>
  <c r="K40" i="8"/>
  <c r="G41" i="1"/>
  <c r="G40" i="1"/>
  <c r="K40" i="4"/>
  <c r="K41" i="4"/>
  <c r="G39" i="7"/>
  <c r="N39" i="8"/>
  <c r="P41" i="10"/>
  <c r="P40" i="10"/>
  <c r="N41" i="2"/>
  <c r="N40" i="2"/>
  <c r="H40" i="1"/>
  <c r="H41" i="1"/>
  <c r="G41" i="5"/>
  <c r="G40" i="5"/>
  <c r="O39" i="8"/>
  <c r="P40" i="8"/>
  <c r="P41" i="8"/>
  <c r="H39" i="9"/>
  <c r="O40" i="1"/>
  <c r="O41" i="1"/>
  <c r="G40" i="2"/>
  <c r="G41" i="2"/>
  <c r="H41" i="4"/>
  <c r="H40" i="4"/>
  <c r="O39" i="7"/>
  <c r="P40" i="9"/>
  <c r="L39" i="9"/>
  <c r="K40" i="2"/>
  <c r="K41" i="2"/>
  <c r="N40" i="6"/>
  <c r="N41" i="6"/>
  <c r="L40" i="2"/>
  <c r="L41" i="2"/>
  <c r="J39" i="3"/>
  <c r="J40" i="3"/>
  <c r="Q40" i="5"/>
  <c r="Q41" i="5"/>
  <c r="P41" i="4"/>
  <c r="P40" i="4"/>
  <c r="M40" i="1"/>
  <c r="M41" i="1"/>
  <c r="O41" i="4"/>
  <c r="O40" i="4"/>
  <c r="Q41" i="1"/>
  <c r="Q40" i="1"/>
  <c r="N39" i="3"/>
  <c r="N40" i="3"/>
  <c r="H39" i="7"/>
  <c r="H41" i="7"/>
  <c r="J40" i="8"/>
  <c r="N41" i="10"/>
  <c r="N40" i="10"/>
  <c r="H41" i="10"/>
  <c r="H40" i="10"/>
</calcChain>
</file>

<file path=xl/sharedStrings.xml><?xml version="1.0" encoding="utf-8"?>
<sst xmlns="http://schemas.openxmlformats.org/spreadsheetml/2006/main" count="5720" uniqueCount="102">
  <si>
    <t>0301．八尾（合計）・各年９月末住民基本台帳人口</t>
    <rPh sb="5" eb="7">
      <t>ヤツオ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r>
      <rPr>
        <sz val="18"/>
        <rFont val="ＭＳ Ｐ明朝"/>
        <family val="1"/>
        <charset val="128"/>
      </rPr>
      <t>年齢</t>
    </r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  <phoneticPr fontId="3"/>
  </si>
  <si>
    <r>
      <rPr>
        <sz val="18"/>
        <rFont val="ＭＳ Ｐ明朝"/>
        <family val="1"/>
        <charset val="128"/>
      </rPr>
      <t>平成</t>
    </r>
    <r>
      <rPr>
        <sz val="18"/>
        <rFont val="Century"/>
        <family val="1"/>
      </rPr>
      <t>2</t>
    </r>
    <rPh sb="0" eb="2">
      <t>ヘイセイ</t>
    </rPh>
    <phoneticPr fontId="3"/>
  </si>
  <si>
    <t>令和元</t>
    <rPh sb="0" eb="2">
      <t>レイワ</t>
    </rPh>
    <rPh sb="2" eb="3">
      <t>ガ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  <phoneticPr fontId="3"/>
  </si>
  <si>
    <t>-</t>
    <phoneticPr fontId="3"/>
  </si>
  <si>
    <t>-</t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  <phoneticPr fontId="3"/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  <phoneticPr fontId="3"/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  <phoneticPr fontId="3"/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  <phoneticPr fontId="3"/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  <phoneticPr fontId="3"/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  <phoneticPr fontId="3"/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  <phoneticPr fontId="3"/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  <phoneticPr fontId="3"/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  <phoneticPr fontId="3"/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  <phoneticPr fontId="3"/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phoneticPr fontId="3"/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  <phoneticPr fontId="3"/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  <phoneticPr fontId="3"/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  <phoneticPr fontId="3"/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  <phoneticPr fontId="3"/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  <phoneticPr fontId="3"/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  <phoneticPr fontId="3"/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  <phoneticPr fontId="3"/>
  </si>
  <si>
    <r>
      <t>100</t>
    </r>
    <r>
      <rPr>
        <sz val="18"/>
        <rFont val="ＭＳ Ｐ明朝"/>
        <family val="1"/>
        <charset val="128"/>
      </rPr>
      <t>～</t>
    </r>
    <phoneticPr fontId="3"/>
  </si>
  <si>
    <t>男女計</t>
    <rPh sb="0" eb="3">
      <t>ダンジョケイ</t>
    </rPh>
    <phoneticPr fontId="3"/>
  </si>
  <si>
    <t>年齢３区分別人口</t>
    <rPh sb="0" eb="2">
      <t>ネンレイ</t>
    </rPh>
    <rPh sb="3" eb="5">
      <t>クブン</t>
    </rPh>
    <rPh sb="5" eb="6">
      <t>ベツ</t>
    </rPh>
    <rPh sb="6" eb="8">
      <t>ジンコウ</t>
    </rPh>
    <phoneticPr fontId="3"/>
  </si>
  <si>
    <t>年齢</t>
  </si>
  <si>
    <r>
      <t>昭和</t>
    </r>
    <r>
      <rPr>
        <sz val="18"/>
        <rFont val="Century"/>
        <family val="1"/>
      </rPr>
      <t>55</t>
    </r>
  </si>
  <si>
    <r>
      <t>平成</t>
    </r>
    <r>
      <rPr>
        <sz val="18"/>
        <rFont val="Century"/>
        <family val="1"/>
      </rPr>
      <t>2</t>
    </r>
    <rPh sb="0" eb="2">
      <t>ヘイセイ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  <rPh sb="4" eb="5">
      <t>サイ</t>
    </rPh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  <rPh sb="5" eb="6">
      <t>サイ</t>
    </rPh>
    <phoneticPr fontId="3"/>
  </si>
  <si>
    <r>
      <t>65</t>
    </r>
    <r>
      <rPr>
        <sz val="18"/>
        <rFont val="ＭＳ Ｐ明朝"/>
        <family val="1"/>
        <charset val="128"/>
      </rPr>
      <t>歳以上</t>
    </r>
    <rPh sb="2" eb="3">
      <t>サイ</t>
    </rPh>
    <rPh sb="3" eb="5">
      <t>イジョウ</t>
    </rPh>
    <phoneticPr fontId="3"/>
  </si>
  <si>
    <t>計</t>
    <rPh sb="0" eb="1">
      <t>ケイ</t>
    </rPh>
    <phoneticPr fontId="3"/>
  </si>
  <si>
    <t>年齢３区分別割合（％）</t>
    <rPh sb="0" eb="2">
      <t>ネンレイ</t>
    </rPh>
    <rPh sb="3" eb="5">
      <t>クブン</t>
    </rPh>
    <rPh sb="5" eb="6">
      <t>ベツ</t>
    </rPh>
    <rPh sb="6" eb="8">
      <t>ワリアイ</t>
    </rPh>
    <phoneticPr fontId="3"/>
  </si>
  <si>
    <t>※　割合は四捨五入してあるので、加えても100にならないことがある。</t>
    <rPh sb="2" eb="4">
      <t>ワリアイ</t>
    </rPh>
    <rPh sb="5" eb="9">
      <t>シシャゴニュウ</t>
    </rPh>
    <rPh sb="16" eb="17">
      <t>クワ</t>
    </rPh>
    <phoneticPr fontId="3"/>
  </si>
  <si>
    <t>男女別人口の推移</t>
    <rPh sb="0" eb="2">
      <t>ダンジョ</t>
    </rPh>
    <rPh sb="2" eb="3">
      <t>ベツ</t>
    </rPh>
    <rPh sb="3" eb="4">
      <t>ヒト</t>
    </rPh>
    <rPh sb="4" eb="5">
      <t>クチ</t>
    </rPh>
    <rPh sb="6" eb="7">
      <t>スイ</t>
    </rPh>
    <rPh sb="7" eb="8">
      <t>ワタル</t>
    </rPh>
    <phoneticPr fontId="3"/>
  </si>
  <si>
    <t>年齢３区分別人口割合の年次推移</t>
    <rPh sb="0" eb="2">
      <t>ネンレイ</t>
    </rPh>
    <rPh sb="3" eb="5">
      <t>クブン</t>
    </rPh>
    <rPh sb="5" eb="6">
      <t>ベツ</t>
    </rPh>
    <rPh sb="6" eb="8">
      <t>ジンコウ</t>
    </rPh>
    <rPh sb="8" eb="10">
      <t>ワリアイ</t>
    </rPh>
    <rPh sb="11" eb="13">
      <t>ネンジ</t>
    </rPh>
    <rPh sb="13" eb="15">
      <t>スイイ</t>
    </rPh>
    <phoneticPr fontId="3"/>
  </si>
  <si>
    <t>0301．八尾(男）</t>
    <rPh sb="8" eb="9">
      <t>オトコ</t>
    </rPh>
    <phoneticPr fontId="3"/>
  </si>
  <si>
    <t>男計</t>
    <rPh sb="0" eb="1">
      <t>オトコ</t>
    </rPh>
    <rPh sb="1" eb="2">
      <t>ケイ</t>
    </rPh>
    <phoneticPr fontId="3"/>
  </si>
  <si>
    <t>0301．八尾(女）</t>
    <rPh sb="8" eb="9">
      <t>オンナ</t>
    </rPh>
    <phoneticPr fontId="3"/>
  </si>
  <si>
    <t>女計</t>
    <rPh sb="0" eb="1">
      <t>オンナ</t>
    </rPh>
    <rPh sb="1" eb="2">
      <t>ケイ</t>
    </rPh>
    <phoneticPr fontId="3"/>
  </si>
  <si>
    <t>0302．保内（合計）・各年９月末住民基本台帳人口</t>
    <rPh sb="5" eb="6">
      <t>ホ</t>
    </rPh>
    <rPh sb="6" eb="7">
      <t>ウチ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302．保内(男）</t>
    <rPh sb="8" eb="9">
      <t>オトコ</t>
    </rPh>
    <phoneticPr fontId="3"/>
  </si>
  <si>
    <t>0302．保内(女）</t>
    <rPh sb="8" eb="9">
      <t>オンナ</t>
    </rPh>
    <phoneticPr fontId="3"/>
  </si>
  <si>
    <t>0303．杉原（合計）・各年９月末住民基本台帳人口</t>
    <rPh sb="5" eb="6">
      <t>スギ</t>
    </rPh>
    <rPh sb="6" eb="7">
      <t>ハラ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303．杉原(男）</t>
    <rPh sb="8" eb="9">
      <t>オトコ</t>
    </rPh>
    <phoneticPr fontId="3"/>
  </si>
  <si>
    <t>0303．杉原(女）</t>
    <rPh sb="8" eb="9">
      <t>オンナ</t>
    </rPh>
    <phoneticPr fontId="3"/>
  </si>
  <si>
    <t>0304．卯花（合計）・各年９月末住民基本台帳人口</t>
    <rPh sb="5" eb="6">
      <t>ウ</t>
    </rPh>
    <rPh sb="6" eb="7">
      <t>ハナ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304．卯花(男）</t>
    <rPh sb="8" eb="9">
      <t>オトコ</t>
    </rPh>
    <phoneticPr fontId="3"/>
  </si>
  <si>
    <t>0304．卯花(女）</t>
    <rPh sb="8" eb="9">
      <t>オンナ</t>
    </rPh>
    <phoneticPr fontId="3"/>
  </si>
  <si>
    <t>0305．室牧（合計）・各年９月末住民基本台帳人口</t>
    <rPh sb="5" eb="6">
      <t>ムロ</t>
    </rPh>
    <rPh sb="6" eb="7">
      <t>マキ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305．室牧(男）</t>
    <rPh sb="8" eb="9">
      <t>オトコ</t>
    </rPh>
    <phoneticPr fontId="3"/>
  </si>
  <si>
    <t>0305．室牧(女）</t>
    <rPh sb="8" eb="9">
      <t>オンナ</t>
    </rPh>
    <phoneticPr fontId="3"/>
  </si>
  <si>
    <t>0306．黒瀬谷（合計）・各年９月末住民基本台帳人口</t>
    <rPh sb="5" eb="6">
      <t>クロ</t>
    </rPh>
    <rPh sb="6" eb="7">
      <t>セ</t>
    </rPh>
    <rPh sb="7" eb="8">
      <t>タニ</t>
    </rPh>
    <rPh sb="9" eb="11">
      <t>ゴウケイ</t>
    </rPh>
    <rPh sb="13" eb="15">
      <t>カクネン</t>
    </rPh>
    <rPh sb="16" eb="17">
      <t>ガツ</t>
    </rPh>
    <rPh sb="17" eb="18">
      <t>マツ</t>
    </rPh>
    <rPh sb="18" eb="20">
      <t>ジュウミン</t>
    </rPh>
    <rPh sb="20" eb="22">
      <t>キホン</t>
    </rPh>
    <rPh sb="22" eb="24">
      <t>ダイチョウ</t>
    </rPh>
    <rPh sb="24" eb="26">
      <t>ジンコウ</t>
    </rPh>
    <phoneticPr fontId="3"/>
  </si>
  <si>
    <t>0306．黒瀬谷(男）</t>
    <rPh sb="9" eb="10">
      <t>オトコ</t>
    </rPh>
    <phoneticPr fontId="3"/>
  </si>
  <si>
    <t>0306．黒瀬谷(女）</t>
    <rPh sb="9" eb="10">
      <t>オンナ</t>
    </rPh>
    <phoneticPr fontId="3"/>
  </si>
  <si>
    <t>年齢</t>
    <rPh sb="0" eb="2">
      <t>ネンレイ</t>
    </rPh>
    <phoneticPr fontId="3"/>
  </si>
  <si>
    <r>
      <t>昭和</t>
    </r>
    <r>
      <rPr>
        <sz val="18"/>
        <rFont val="Century"/>
        <family val="1"/>
      </rPr>
      <t>55</t>
    </r>
    <rPh sb="0" eb="2">
      <t>ショウワ</t>
    </rPh>
    <phoneticPr fontId="3"/>
  </si>
  <si>
    <t>0307．野積（合計）・各年９月末住民基本台帳人口</t>
    <rPh sb="5" eb="6">
      <t>ノ</t>
    </rPh>
    <rPh sb="6" eb="7">
      <t>ツミ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307．野積(男）</t>
    <rPh sb="8" eb="9">
      <t>オトコ</t>
    </rPh>
    <phoneticPr fontId="3"/>
  </si>
  <si>
    <t>0307．野積(女）</t>
    <rPh sb="8" eb="9">
      <t>オンナ</t>
    </rPh>
    <phoneticPr fontId="3"/>
  </si>
  <si>
    <t>0308．仁歩（合計）・各年９月末住民基本台帳人口</t>
    <rPh sb="5" eb="6">
      <t>ジン</t>
    </rPh>
    <rPh sb="6" eb="7">
      <t>ホ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308．仁歩(男）</t>
    <rPh sb="8" eb="9">
      <t>オトコ</t>
    </rPh>
    <phoneticPr fontId="3"/>
  </si>
  <si>
    <t>0308．仁歩(女）</t>
    <rPh sb="8" eb="9">
      <t>オンナ</t>
    </rPh>
    <phoneticPr fontId="3"/>
  </si>
  <si>
    <t>0309．大長谷（合計）・各年９月末住民基本台帳人口</t>
    <rPh sb="5" eb="6">
      <t>オオ</t>
    </rPh>
    <rPh sb="6" eb="7">
      <t>チョウ</t>
    </rPh>
    <rPh sb="7" eb="8">
      <t>タニ</t>
    </rPh>
    <rPh sb="9" eb="11">
      <t>ゴウケイ</t>
    </rPh>
    <rPh sb="13" eb="15">
      <t>カクネン</t>
    </rPh>
    <rPh sb="16" eb="17">
      <t>ガツ</t>
    </rPh>
    <rPh sb="17" eb="18">
      <t>マツ</t>
    </rPh>
    <rPh sb="18" eb="20">
      <t>ジュウミン</t>
    </rPh>
    <rPh sb="20" eb="22">
      <t>キホン</t>
    </rPh>
    <rPh sb="22" eb="24">
      <t>ダイチョウ</t>
    </rPh>
    <rPh sb="24" eb="26">
      <t>ジンコウ</t>
    </rPh>
    <phoneticPr fontId="3"/>
  </si>
  <si>
    <t>0309．大長谷(男）</t>
    <rPh sb="9" eb="10">
      <t>オトコ</t>
    </rPh>
    <phoneticPr fontId="3"/>
  </si>
  <si>
    <t>0309．大長谷(女）</t>
    <rPh sb="9" eb="10">
      <t>オンナ</t>
    </rPh>
    <phoneticPr fontId="3"/>
  </si>
  <si>
    <t>八尾地域（合計）・各年９月末住民基本台帳人口</t>
    <rPh sb="9" eb="11">
      <t>カクネン</t>
    </rPh>
    <rPh sb="12" eb="13">
      <t>ガツ</t>
    </rPh>
    <rPh sb="13" eb="14">
      <t>マツ</t>
    </rPh>
    <rPh sb="14" eb="16">
      <t>ジュウミン</t>
    </rPh>
    <rPh sb="16" eb="18">
      <t>キホン</t>
    </rPh>
    <rPh sb="18" eb="20">
      <t>ダイチョウ</t>
    </rPh>
    <rPh sb="20" eb="22">
      <t>ジンコウ</t>
    </rPh>
    <phoneticPr fontId="3"/>
  </si>
  <si>
    <t>八尾地域(男）</t>
    <rPh sb="2" eb="4">
      <t>チイキ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Ｐ明朝"/>
        <family val="1"/>
        <charset val="128"/>
      </rPr>
      <t>～</t>
    </r>
  </si>
  <si>
    <t>男計</t>
    <rPh sb="0" eb="1">
      <t>オト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</si>
  <si>
    <r>
      <t>65</t>
    </r>
    <r>
      <rPr>
        <sz val="18"/>
        <rFont val="ＭＳ Ｐ明朝"/>
        <family val="1"/>
        <charset val="128"/>
      </rPr>
      <t>歳以上</t>
    </r>
  </si>
  <si>
    <t>計</t>
  </si>
  <si>
    <t>※　割合は四捨五入してあるので、加えても100にならないことがある。</t>
  </si>
  <si>
    <t>八尾地域(女）</t>
    <rPh sb="2" eb="4">
      <t>チイキ</t>
    </rPh>
    <phoneticPr fontId="3"/>
  </si>
  <si>
    <t>女計</t>
    <rPh sb="0" eb="1">
      <t>オンナ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"/>
  </numFmts>
  <fonts count="1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ゴシック"/>
      <family val="3"/>
      <charset val="128"/>
    </font>
    <font>
      <sz val="6"/>
      <name val="ＭＳ 明朝"/>
      <family val="1"/>
      <charset val="128"/>
    </font>
    <font>
      <sz val="20"/>
      <name val="ＭＳ Ｐ明朝"/>
      <family val="1"/>
      <charset val="128"/>
    </font>
    <font>
      <sz val="16"/>
      <name val="Century"/>
      <family val="1"/>
    </font>
    <font>
      <sz val="14"/>
      <name val="ＭＳ 明朝"/>
      <family val="1"/>
      <charset val="128"/>
    </font>
    <font>
      <sz val="18"/>
      <name val="Century"/>
      <family val="1"/>
    </font>
    <font>
      <sz val="18"/>
      <name val="ＭＳ Ｐ明朝"/>
      <family val="1"/>
      <charset val="128"/>
    </font>
    <font>
      <sz val="20"/>
      <name val="ＭＳ 明朝"/>
      <family val="1"/>
      <charset val="128"/>
    </font>
    <font>
      <sz val="16"/>
      <name val="ＭＳ Ｐ明朝"/>
      <family val="1"/>
      <charset val="128"/>
    </font>
    <font>
      <sz val="20"/>
      <name val="Century"/>
      <family val="1"/>
    </font>
    <font>
      <sz val="12"/>
      <name val="HG創英角ﾎﾟｯﾌﾟ体"/>
      <family val="3"/>
      <charset val="128"/>
    </font>
    <font>
      <sz val="20"/>
      <name val="ＭＳ ゴシック"/>
      <family val="3"/>
      <charset val="128"/>
    </font>
    <font>
      <sz val="18"/>
      <name val="ＭＳ 明朝"/>
      <family val="1"/>
      <charset val="128"/>
    </font>
    <font>
      <sz val="18"/>
      <name val="ＭＳ Ｐゴシック"/>
      <family val="1"/>
      <charset val="128"/>
    </font>
    <font>
      <sz val="16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</fills>
  <borders count="3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83">
    <xf numFmtId="0" fontId="0" fillId="0" borderId="0" xfId="0"/>
    <xf numFmtId="0" fontId="2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1" xfId="0" applyFont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right" vertical="center"/>
    </xf>
    <xf numFmtId="0" fontId="7" fillId="4" borderId="1" xfId="0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right" vertical="center"/>
    </xf>
    <xf numFmtId="0" fontId="8" fillId="0" borderId="1" xfId="0" applyFont="1" applyBorder="1" applyAlignment="1">
      <alignment horizontal="center" vertical="center"/>
    </xf>
    <xf numFmtId="38" fontId="7" fillId="0" borderId="1" xfId="1" applyFont="1" applyBorder="1" applyAlignment="1">
      <alignment horizontal="center" vertical="center"/>
    </xf>
    <xf numFmtId="38" fontId="7" fillId="0" borderId="1" xfId="1" applyFont="1" applyBorder="1" applyAlignment="1">
      <alignment horizontal="right" vertical="center"/>
    </xf>
    <xf numFmtId="0" fontId="5" fillId="0" borderId="0" xfId="0" applyFont="1"/>
    <xf numFmtId="38" fontId="9" fillId="0" borderId="0" xfId="0" applyNumberFormat="1" applyFont="1" applyAlignment="1">
      <alignment vertical="center"/>
    </xf>
    <xf numFmtId="0" fontId="9" fillId="0" borderId="0" xfId="0" applyFont="1" applyAlignment="1">
      <alignment vertical="center"/>
    </xf>
    <xf numFmtId="38" fontId="7" fillId="2" borderId="1" xfId="1" applyFont="1" applyFill="1" applyBorder="1" applyAlignment="1">
      <alignment vertical="center"/>
    </xf>
    <xf numFmtId="38" fontId="7" fillId="3" borderId="1" xfId="1" applyFont="1" applyFill="1" applyBorder="1" applyAlignment="1">
      <alignment vertical="center"/>
    </xf>
    <xf numFmtId="38" fontId="7" fillId="4" borderId="1" xfId="1" applyFont="1" applyFill="1" applyBorder="1" applyAlignment="1">
      <alignment vertical="center"/>
    </xf>
    <xf numFmtId="38" fontId="7" fillId="0" borderId="1" xfId="1" applyFont="1" applyBorder="1" applyAlignment="1">
      <alignment vertical="center"/>
    </xf>
    <xf numFmtId="0" fontId="10" fillId="0" borderId="2" xfId="0" applyFont="1" applyBorder="1" applyAlignment="1">
      <alignment horizontal="center" vertical="center"/>
    </xf>
    <xf numFmtId="38" fontId="5" fillId="0" borderId="2" xfId="1" applyFont="1" applyBorder="1" applyAlignment="1">
      <alignment horizontal="right" vertical="center"/>
    </xf>
    <xf numFmtId="38" fontId="5" fillId="0" borderId="0" xfId="1" applyFont="1" applyBorder="1" applyAlignment="1">
      <alignment horizontal="right" vertical="center"/>
    </xf>
    <xf numFmtId="0" fontId="10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left" vertical="center"/>
    </xf>
    <xf numFmtId="3" fontId="11" fillId="0" borderId="3" xfId="1" applyNumberFormat="1" applyFont="1" applyBorder="1" applyAlignment="1">
      <alignment vertical="center"/>
    </xf>
    <xf numFmtId="3" fontId="11" fillId="0" borderId="0" xfId="1" applyNumberFormat="1" applyFont="1" applyBorder="1" applyAlignment="1">
      <alignment vertical="center"/>
    </xf>
    <xf numFmtId="0" fontId="8" fillId="0" borderId="4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176" fontId="7" fillId="2" borderId="9" xfId="0" applyNumberFormat="1" applyFont="1" applyFill="1" applyBorder="1" applyAlignment="1">
      <alignment horizontal="center" vertical="center"/>
    </xf>
    <xf numFmtId="176" fontId="7" fillId="2" borderId="10" xfId="0" applyNumberFormat="1" applyFont="1" applyFill="1" applyBorder="1" applyAlignment="1">
      <alignment horizontal="center" vertical="center"/>
    </xf>
    <xf numFmtId="176" fontId="7" fillId="2" borderId="10" xfId="0" applyNumberFormat="1" applyFont="1" applyFill="1" applyBorder="1" applyAlignment="1">
      <alignment vertical="center"/>
    </xf>
    <xf numFmtId="176" fontId="7" fillId="2" borderId="11" xfId="0" applyNumberFormat="1" applyFont="1" applyFill="1" applyBorder="1" applyAlignment="1">
      <alignment vertical="center"/>
    </xf>
    <xf numFmtId="176" fontId="7" fillId="2" borderId="12" xfId="0" applyNumberFormat="1" applyFont="1" applyFill="1" applyBorder="1" applyAlignment="1">
      <alignment vertical="center"/>
    </xf>
    <xf numFmtId="176" fontId="7" fillId="2" borderId="13" xfId="0" applyNumberFormat="1" applyFont="1" applyFill="1" applyBorder="1" applyAlignment="1">
      <alignment vertical="center"/>
    </xf>
    <xf numFmtId="0" fontId="7" fillId="3" borderId="14" xfId="0" applyFont="1" applyFill="1" applyBorder="1" applyAlignment="1">
      <alignment horizontal="center" vertical="center"/>
    </xf>
    <xf numFmtId="176" fontId="7" fillId="3" borderId="15" xfId="0" applyNumberFormat="1" applyFont="1" applyFill="1" applyBorder="1" applyAlignment="1">
      <alignment horizontal="center" vertical="center"/>
    </xf>
    <xf numFmtId="176" fontId="7" fillId="3" borderId="16" xfId="0" applyNumberFormat="1" applyFont="1" applyFill="1" applyBorder="1" applyAlignment="1">
      <alignment horizontal="center" vertical="center"/>
    </xf>
    <xf numFmtId="176" fontId="7" fillId="3" borderId="16" xfId="0" applyNumberFormat="1" applyFont="1" applyFill="1" applyBorder="1" applyAlignment="1">
      <alignment vertical="center"/>
    </xf>
    <xf numFmtId="176" fontId="7" fillId="3" borderId="17" xfId="0" applyNumberFormat="1" applyFont="1" applyFill="1" applyBorder="1" applyAlignment="1">
      <alignment vertical="center"/>
    </xf>
    <xf numFmtId="176" fontId="7" fillId="3" borderId="18" xfId="0" applyNumberFormat="1" applyFont="1" applyFill="1" applyBorder="1" applyAlignment="1">
      <alignment vertical="center"/>
    </xf>
    <xf numFmtId="176" fontId="7" fillId="3" borderId="19" xfId="0" applyNumberFormat="1" applyFont="1" applyFill="1" applyBorder="1" applyAlignment="1">
      <alignment vertical="center"/>
    </xf>
    <xf numFmtId="0" fontId="7" fillId="4" borderId="20" xfId="0" applyFont="1" applyFill="1" applyBorder="1" applyAlignment="1">
      <alignment horizontal="center" vertical="center"/>
    </xf>
    <xf numFmtId="176" fontId="7" fillId="4" borderId="21" xfId="0" applyNumberFormat="1" applyFont="1" applyFill="1" applyBorder="1" applyAlignment="1">
      <alignment horizontal="center" vertical="center"/>
    </xf>
    <xf numFmtId="176" fontId="7" fillId="4" borderId="22" xfId="0" applyNumberFormat="1" applyFont="1" applyFill="1" applyBorder="1" applyAlignment="1">
      <alignment horizontal="center" vertical="center"/>
    </xf>
    <xf numFmtId="176" fontId="7" fillId="4" borderId="22" xfId="0" applyNumberFormat="1" applyFont="1" applyFill="1" applyBorder="1" applyAlignment="1">
      <alignment vertical="center"/>
    </xf>
    <xf numFmtId="176" fontId="7" fillId="4" borderId="23" xfId="0" applyNumberFormat="1" applyFont="1" applyFill="1" applyBorder="1" applyAlignment="1">
      <alignment vertical="center"/>
    </xf>
    <xf numFmtId="176" fontId="7" fillId="4" borderId="24" xfId="0" applyNumberFormat="1" applyFont="1" applyFill="1" applyBorder="1" applyAlignment="1">
      <alignment vertical="center"/>
    </xf>
    <xf numFmtId="176" fontId="7" fillId="4" borderId="25" xfId="0" applyNumberFormat="1" applyFont="1" applyFill="1" applyBorder="1" applyAlignment="1">
      <alignment vertical="center"/>
    </xf>
    <xf numFmtId="0" fontId="10" fillId="0" borderId="0" xfId="0" applyFont="1" applyAlignment="1">
      <alignment horizontal="left" vertical="center"/>
    </xf>
    <xf numFmtId="0" fontId="12" fillId="0" borderId="0" xfId="0" applyFont="1" applyAlignment="1">
      <alignment horizontal="left" vertical="center"/>
    </xf>
    <xf numFmtId="0" fontId="13" fillId="0" borderId="26" xfId="0" applyFont="1" applyBorder="1" applyAlignment="1">
      <alignment horizontal="center" vertical="center"/>
    </xf>
    <xf numFmtId="0" fontId="13" fillId="0" borderId="27" xfId="0" applyFont="1" applyBorder="1" applyAlignment="1">
      <alignment horizontal="center" vertical="center"/>
    </xf>
    <xf numFmtId="0" fontId="13" fillId="0" borderId="28" xfId="0" applyFont="1" applyBorder="1" applyAlignment="1">
      <alignment horizontal="center" vertical="center"/>
    </xf>
    <xf numFmtId="0" fontId="13" fillId="0" borderId="29" xfId="0" applyFont="1" applyBorder="1" applyAlignment="1">
      <alignment horizontal="center" vertical="center"/>
    </xf>
    <xf numFmtId="0" fontId="13" fillId="0" borderId="30" xfId="0" applyFont="1" applyBorder="1" applyAlignment="1">
      <alignment horizontal="center" vertical="center"/>
    </xf>
    <xf numFmtId="0" fontId="13" fillId="0" borderId="31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14" fillId="0" borderId="0" xfId="0" applyFont="1"/>
    <xf numFmtId="0" fontId="2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38" fontId="15" fillId="2" borderId="1" xfId="1" applyFont="1" applyFill="1" applyBorder="1" applyAlignment="1">
      <alignment vertical="center"/>
    </xf>
    <xf numFmtId="176" fontId="7" fillId="2" borderId="1" xfId="0" applyNumberFormat="1" applyFont="1" applyFill="1" applyBorder="1" applyAlignment="1">
      <alignment horizontal="center" vertical="center"/>
    </xf>
    <xf numFmtId="176" fontId="7" fillId="2" borderId="1" xfId="0" applyNumberFormat="1" applyFont="1" applyFill="1" applyBorder="1" applyAlignment="1">
      <alignment horizontal="right" vertical="center"/>
    </xf>
    <xf numFmtId="176" fontId="7" fillId="3" borderId="1" xfId="0" applyNumberFormat="1" applyFont="1" applyFill="1" applyBorder="1" applyAlignment="1">
      <alignment horizontal="center" vertical="center"/>
    </xf>
    <xf numFmtId="176" fontId="7" fillId="3" borderId="1" xfId="0" applyNumberFormat="1" applyFont="1" applyFill="1" applyBorder="1" applyAlignment="1">
      <alignment horizontal="right" vertical="center"/>
    </xf>
    <xf numFmtId="176" fontId="7" fillId="4" borderId="1" xfId="0" applyNumberFormat="1" applyFont="1" applyFill="1" applyBorder="1" applyAlignment="1">
      <alignment horizontal="center" vertical="center"/>
    </xf>
    <xf numFmtId="176" fontId="7" fillId="4" borderId="1" xfId="0" applyNumberFormat="1" applyFont="1" applyFill="1" applyBorder="1" applyAlignment="1">
      <alignment horizontal="right" vertical="center"/>
    </xf>
    <xf numFmtId="176" fontId="7" fillId="2" borderId="1" xfId="0" applyNumberFormat="1" applyFont="1" applyFill="1" applyBorder="1" applyAlignment="1">
      <alignment vertical="center"/>
    </xf>
    <xf numFmtId="176" fontId="7" fillId="3" borderId="1" xfId="0" applyNumberFormat="1" applyFont="1" applyFill="1" applyBorder="1" applyAlignment="1">
      <alignment vertical="center"/>
    </xf>
    <xf numFmtId="176" fontId="7" fillId="4" borderId="1" xfId="0" applyNumberFormat="1" applyFont="1" applyFill="1" applyBorder="1" applyAlignment="1">
      <alignment vertical="center"/>
    </xf>
    <xf numFmtId="38" fontId="5" fillId="0" borderId="0" xfId="0" applyNumberFormat="1" applyFont="1" applyAlignment="1">
      <alignment vertical="center"/>
    </xf>
    <xf numFmtId="0" fontId="16" fillId="0" borderId="0" xfId="0" applyFont="1" applyAlignment="1">
      <alignment vertical="center"/>
    </xf>
    <xf numFmtId="0" fontId="5" fillId="0" borderId="2" xfId="0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06472380239788"/>
          <c:y val="3.2886723507917173E-2"/>
          <c:w val="0.85490649001545882"/>
          <c:h val="0.91108404384896469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３０１八尾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１八尾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１八尾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332</c:v>
                </c:pt>
                <c:pt idx="6">
                  <c:v>1177</c:v>
                </c:pt>
                <c:pt idx="7">
                  <c:v>1091</c:v>
                </c:pt>
                <c:pt idx="8">
                  <c:v>1082</c:v>
                </c:pt>
                <c:pt idx="9">
                  <c:v>1063</c:v>
                </c:pt>
                <c:pt idx="10">
                  <c:v>1040</c:v>
                </c:pt>
                <c:pt idx="11">
                  <c:v>1019</c:v>
                </c:pt>
                <c:pt idx="12">
                  <c:v>998</c:v>
                </c:pt>
                <c:pt idx="13">
                  <c:v>954</c:v>
                </c:pt>
                <c:pt idx="14">
                  <c:v>934</c:v>
                </c:pt>
                <c:pt idx="15">
                  <c:v>9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E21-4395-9F2A-295EFB095D10}"/>
            </c:ext>
          </c:extLst>
        </c:ser>
        <c:ser>
          <c:idx val="3"/>
          <c:order val="2"/>
          <c:tx>
            <c:strRef>
              <c:f>'０３０１八尾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１八尾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１八尾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497</c:v>
                </c:pt>
                <c:pt idx="6">
                  <c:v>1360</c:v>
                </c:pt>
                <c:pt idx="7">
                  <c:v>1217</c:v>
                </c:pt>
                <c:pt idx="8">
                  <c:v>1192</c:v>
                </c:pt>
                <c:pt idx="9">
                  <c:v>1156</c:v>
                </c:pt>
                <c:pt idx="10">
                  <c:v>1149</c:v>
                </c:pt>
                <c:pt idx="11">
                  <c:v>1109</c:v>
                </c:pt>
                <c:pt idx="12">
                  <c:v>1080</c:v>
                </c:pt>
                <c:pt idx="13">
                  <c:v>1051</c:v>
                </c:pt>
                <c:pt idx="14">
                  <c:v>1012</c:v>
                </c:pt>
                <c:pt idx="15">
                  <c:v>97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E21-4395-9F2A-295EFB095D10}"/>
            </c:ext>
          </c:extLst>
        </c:ser>
        <c:ser>
          <c:idx val="1"/>
          <c:order val="3"/>
          <c:tx>
            <c:strRef>
              <c:f>'０３０１八尾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１八尾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１八尾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E21-4395-9F2A-295EFB095D1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45096"/>
        <c:axId val="489346664"/>
      </c:barChart>
      <c:lineChart>
        <c:grouping val="standard"/>
        <c:varyColors val="0"/>
        <c:ser>
          <c:idx val="0"/>
          <c:order val="0"/>
          <c:tx>
            <c:strRef>
              <c:f>'０３０１八尾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FE21-4395-9F2A-295EFB095D10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FE21-4395-9F2A-295EFB095D10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FE21-4395-9F2A-295EFB095D10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FE21-4395-9F2A-295EFB095D10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FE21-4395-9F2A-295EFB095D10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FE21-4395-9F2A-295EFB095D10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FE21-4395-9F2A-295EFB095D10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FE21-4395-9F2A-295EFB095D10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FE21-4395-9F2A-295EFB095D10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FE21-4395-9F2A-295EFB095D10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FE21-4395-9F2A-295EFB095D10}"/>
              </c:ext>
            </c:extLst>
          </c:dPt>
          <c:cat>
            <c:strRef>
              <c:f>'０３０１八尾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１八尾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829</c:v>
                </c:pt>
                <c:pt idx="6">
                  <c:v>2537</c:v>
                </c:pt>
                <c:pt idx="7">
                  <c:v>2308</c:v>
                </c:pt>
                <c:pt idx="8">
                  <c:v>2274</c:v>
                </c:pt>
                <c:pt idx="9">
                  <c:v>2219</c:v>
                </c:pt>
                <c:pt idx="10">
                  <c:v>2189</c:v>
                </c:pt>
                <c:pt idx="11">
                  <c:v>2128</c:v>
                </c:pt>
                <c:pt idx="12">
                  <c:v>2078</c:v>
                </c:pt>
                <c:pt idx="13">
                  <c:v>2005</c:v>
                </c:pt>
                <c:pt idx="14">
                  <c:v>1946</c:v>
                </c:pt>
                <c:pt idx="15">
                  <c:v>189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FE21-4395-9F2A-295EFB095D1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45096"/>
        <c:axId val="489346664"/>
      </c:lineChart>
      <c:catAx>
        <c:axId val="4893450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4666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46664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6096033402922755E-2"/>
              <c:y val="6.0901339829476245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45096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7355420054200545"/>
          <c:y val="0.36339053030303031"/>
          <c:w val="0.13919173441734417"/>
          <c:h val="9.2570036540803924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567796610169496E-2"/>
          <c:y val="3.1553398058252427E-2"/>
          <c:w val="0.90360169491525422"/>
          <c:h val="0.9126213592233010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３０５室牧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５室牧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５室牧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1</c:v>
                </c:pt>
                <c:pt idx="6">
                  <c:v>69</c:v>
                </c:pt>
                <c:pt idx="7">
                  <c:v>41</c:v>
                </c:pt>
                <c:pt idx="8">
                  <c:v>30</c:v>
                </c:pt>
                <c:pt idx="9">
                  <c:v>25</c:v>
                </c:pt>
                <c:pt idx="10">
                  <c:v>25</c:v>
                </c:pt>
                <c:pt idx="11">
                  <c:v>17</c:v>
                </c:pt>
                <c:pt idx="12">
                  <c:v>14</c:v>
                </c:pt>
                <c:pt idx="13">
                  <c:v>12</c:v>
                </c:pt>
                <c:pt idx="14">
                  <c:v>15</c:v>
                </c:pt>
                <c:pt idx="15">
                  <c:v>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CE3-4FC6-8A8A-860BDC518548}"/>
            </c:ext>
          </c:extLst>
        </c:ser>
        <c:ser>
          <c:idx val="0"/>
          <c:order val="1"/>
          <c:tx>
            <c:strRef>
              <c:f>'０３０５室牧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５室牧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５室牧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51</c:v>
                </c:pt>
                <c:pt idx="6">
                  <c:v>316</c:v>
                </c:pt>
                <c:pt idx="7">
                  <c:v>271</c:v>
                </c:pt>
                <c:pt idx="8">
                  <c:v>245</c:v>
                </c:pt>
                <c:pt idx="9">
                  <c:v>241</c:v>
                </c:pt>
                <c:pt idx="10">
                  <c:v>223</c:v>
                </c:pt>
                <c:pt idx="11">
                  <c:v>199</c:v>
                </c:pt>
                <c:pt idx="12">
                  <c:v>198</c:v>
                </c:pt>
                <c:pt idx="13">
                  <c:v>181</c:v>
                </c:pt>
                <c:pt idx="14">
                  <c:v>173</c:v>
                </c:pt>
                <c:pt idx="15">
                  <c:v>1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CE3-4FC6-8A8A-860BDC518548}"/>
            </c:ext>
          </c:extLst>
        </c:ser>
        <c:ser>
          <c:idx val="2"/>
          <c:order val="2"/>
          <c:tx>
            <c:strRef>
              <c:f>'０３０５室牧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５室牧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５室牧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03</c:v>
                </c:pt>
                <c:pt idx="6">
                  <c:v>189</c:v>
                </c:pt>
                <c:pt idx="7">
                  <c:v>188</c:v>
                </c:pt>
                <c:pt idx="8">
                  <c:v>197</c:v>
                </c:pt>
                <c:pt idx="9">
                  <c:v>195</c:v>
                </c:pt>
                <c:pt idx="10">
                  <c:v>196</c:v>
                </c:pt>
                <c:pt idx="11">
                  <c:v>202</c:v>
                </c:pt>
                <c:pt idx="12">
                  <c:v>193</c:v>
                </c:pt>
                <c:pt idx="13">
                  <c:v>195</c:v>
                </c:pt>
                <c:pt idx="14">
                  <c:v>185</c:v>
                </c:pt>
                <c:pt idx="15">
                  <c:v>18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9CE3-4FC6-8A8A-860BDC51854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57640"/>
        <c:axId val="489358032"/>
      </c:barChart>
      <c:catAx>
        <c:axId val="4893576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803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5803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764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4984040959366328E-2"/>
          <c:y val="3.1515188820062524E-2"/>
          <c:w val="0.86979767844812983"/>
          <c:h val="0.90666773990026028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３０６黒瀬谷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６黒瀬谷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６黒瀬谷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788</c:v>
                </c:pt>
                <c:pt idx="6">
                  <c:v>674</c:v>
                </c:pt>
                <c:pt idx="7">
                  <c:v>587</c:v>
                </c:pt>
                <c:pt idx="8">
                  <c:v>582</c:v>
                </c:pt>
                <c:pt idx="9">
                  <c:v>587</c:v>
                </c:pt>
                <c:pt idx="10">
                  <c:v>587</c:v>
                </c:pt>
                <c:pt idx="11">
                  <c:v>576</c:v>
                </c:pt>
                <c:pt idx="12">
                  <c:v>558</c:v>
                </c:pt>
                <c:pt idx="13">
                  <c:v>548</c:v>
                </c:pt>
                <c:pt idx="14">
                  <c:v>533</c:v>
                </c:pt>
                <c:pt idx="15">
                  <c:v>5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FEB-4AD4-9271-2336F06EEE56}"/>
            </c:ext>
          </c:extLst>
        </c:ser>
        <c:ser>
          <c:idx val="3"/>
          <c:order val="2"/>
          <c:tx>
            <c:strRef>
              <c:f>'０３０６黒瀬谷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６黒瀬谷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６黒瀬谷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39</c:v>
                </c:pt>
                <c:pt idx="6">
                  <c:v>733</c:v>
                </c:pt>
                <c:pt idx="7">
                  <c:v>672</c:v>
                </c:pt>
                <c:pt idx="8">
                  <c:v>664</c:v>
                </c:pt>
                <c:pt idx="9">
                  <c:v>666</c:v>
                </c:pt>
                <c:pt idx="10">
                  <c:v>656</c:v>
                </c:pt>
                <c:pt idx="11">
                  <c:v>631</c:v>
                </c:pt>
                <c:pt idx="12">
                  <c:v>625</c:v>
                </c:pt>
                <c:pt idx="13">
                  <c:v>615</c:v>
                </c:pt>
                <c:pt idx="14">
                  <c:v>595</c:v>
                </c:pt>
                <c:pt idx="15">
                  <c:v>59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FEB-4AD4-9271-2336F06EEE56}"/>
            </c:ext>
          </c:extLst>
        </c:ser>
        <c:ser>
          <c:idx val="1"/>
          <c:order val="3"/>
          <c:tx>
            <c:strRef>
              <c:f>'０３０６黒瀬谷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６黒瀬谷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６黒瀬谷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3FEB-4AD4-9271-2336F06EEE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68616"/>
        <c:axId val="489369008"/>
      </c:barChart>
      <c:lineChart>
        <c:grouping val="standard"/>
        <c:varyColors val="0"/>
        <c:ser>
          <c:idx val="0"/>
          <c:order val="0"/>
          <c:tx>
            <c:strRef>
              <c:f>'０３０６黒瀬谷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3FEB-4AD4-9271-2336F06EEE56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3FEB-4AD4-9271-2336F06EEE56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3FEB-4AD4-9271-2336F06EEE56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3FEB-4AD4-9271-2336F06EEE56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3FEB-4AD4-9271-2336F06EEE56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3FEB-4AD4-9271-2336F06EEE56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3FEB-4AD4-9271-2336F06EEE56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3FEB-4AD4-9271-2336F06EEE56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3FEB-4AD4-9271-2336F06EEE56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3FEB-4AD4-9271-2336F06EEE56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3FEB-4AD4-9271-2336F06EEE56}"/>
              </c:ext>
            </c:extLst>
          </c:dPt>
          <c:cat>
            <c:strRef>
              <c:f>'０３０６黒瀬谷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６黒瀬谷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627</c:v>
                </c:pt>
                <c:pt idx="6">
                  <c:v>1407</c:v>
                </c:pt>
                <c:pt idx="7">
                  <c:v>1259</c:v>
                </c:pt>
                <c:pt idx="8">
                  <c:v>1246</c:v>
                </c:pt>
                <c:pt idx="9">
                  <c:v>1253</c:v>
                </c:pt>
                <c:pt idx="10">
                  <c:v>1243</c:v>
                </c:pt>
                <c:pt idx="11">
                  <c:v>1207</c:v>
                </c:pt>
                <c:pt idx="12">
                  <c:v>1183</c:v>
                </c:pt>
                <c:pt idx="13">
                  <c:v>1163</c:v>
                </c:pt>
                <c:pt idx="14">
                  <c:v>1128</c:v>
                </c:pt>
                <c:pt idx="15">
                  <c:v>110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3FEB-4AD4-9271-2336F06EEE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68616"/>
        <c:axId val="489369008"/>
      </c:lineChart>
      <c:catAx>
        <c:axId val="4893686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900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6900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1.6008537886872998E-2"/>
              <c:y val="6.060606060606060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8616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0053384202108142"/>
          <c:y val="0.33697007874015744"/>
          <c:w val="0.12162773189800495"/>
          <c:h val="9.2121339378032296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0967485877823792E-2"/>
          <c:y val="3.1477016186000982E-2"/>
          <c:w val="0.90431217993413593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３０６黒瀬谷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６黒瀬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６黒瀬谷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29</c:v>
                </c:pt>
                <c:pt idx="6">
                  <c:v>193</c:v>
                </c:pt>
                <c:pt idx="7">
                  <c:v>156</c:v>
                </c:pt>
                <c:pt idx="8">
                  <c:v>149</c:v>
                </c:pt>
                <c:pt idx="9">
                  <c:v>147</c:v>
                </c:pt>
                <c:pt idx="10">
                  <c:v>140</c:v>
                </c:pt>
                <c:pt idx="11">
                  <c:v>121</c:v>
                </c:pt>
                <c:pt idx="12">
                  <c:v>112</c:v>
                </c:pt>
                <c:pt idx="13">
                  <c:v>104</c:v>
                </c:pt>
                <c:pt idx="14">
                  <c:v>100</c:v>
                </c:pt>
                <c:pt idx="15">
                  <c:v>9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276-4A48-AA49-32AB541C155B}"/>
            </c:ext>
          </c:extLst>
        </c:ser>
        <c:ser>
          <c:idx val="0"/>
          <c:order val="1"/>
          <c:tx>
            <c:strRef>
              <c:f>'０３０６黒瀬谷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６黒瀬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６黒瀬谷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048</c:v>
                </c:pt>
                <c:pt idx="6">
                  <c:v>867</c:v>
                </c:pt>
                <c:pt idx="7">
                  <c:v>713</c:v>
                </c:pt>
                <c:pt idx="8">
                  <c:v>694</c:v>
                </c:pt>
                <c:pt idx="9">
                  <c:v>690</c:v>
                </c:pt>
                <c:pt idx="10">
                  <c:v>671</c:v>
                </c:pt>
                <c:pt idx="11">
                  <c:v>646</c:v>
                </c:pt>
                <c:pt idx="12">
                  <c:v>626</c:v>
                </c:pt>
                <c:pt idx="13">
                  <c:v>619</c:v>
                </c:pt>
                <c:pt idx="14">
                  <c:v>593</c:v>
                </c:pt>
                <c:pt idx="15">
                  <c:v>5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276-4A48-AA49-32AB541C155B}"/>
            </c:ext>
          </c:extLst>
        </c:ser>
        <c:ser>
          <c:idx val="2"/>
          <c:order val="2"/>
          <c:tx>
            <c:strRef>
              <c:f>'０３０６黒瀬谷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６黒瀬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６黒瀬谷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50</c:v>
                </c:pt>
                <c:pt idx="6">
                  <c:v>347</c:v>
                </c:pt>
                <c:pt idx="7">
                  <c:v>390</c:v>
                </c:pt>
                <c:pt idx="8">
                  <c:v>403</c:v>
                </c:pt>
                <c:pt idx="9">
                  <c:v>416</c:v>
                </c:pt>
                <c:pt idx="10">
                  <c:v>432</c:v>
                </c:pt>
                <c:pt idx="11">
                  <c:v>440</c:v>
                </c:pt>
                <c:pt idx="12">
                  <c:v>445</c:v>
                </c:pt>
                <c:pt idx="13">
                  <c:v>440</c:v>
                </c:pt>
                <c:pt idx="14">
                  <c:v>435</c:v>
                </c:pt>
                <c:pt idx="15">
                  <c:v>43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B276-4A48-AA49-32AB541C155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59208"/>
        <c:axId val="489359600"/>
      </c:barChart>
      <c:catAx>
        <c:axId val="4893592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960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5960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9208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8675306193353315E-2"/>
          <c:y val="3.5365874717675015E-2"/>
          <c:w val="0.86218038672332686"/>
          <c:h val="0.9097566392891574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３０７野積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７野積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７野積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70</c:v>
                </c:pt>
                <c:pt idx="6">
                  <c:v>445</c:v>
                </c:pt>
                <c:pt idx="7">
                  <c:v>393</c:v>
                </c:pt>
                <c:pt idx="8">
                  <c:v>388</c:v>
                </c:pt>
                <c:pt idx="9">
                  <c:v>379</c:v>
                </c:pt>
                <c:pt idx="10">
                  <c:v>366</c:v>
                </c:pt>
                <c:pt idx="11">
                  <c:v>357</c:v>
                </c:pt>
                <c:pt idx="12">
                  <c:v>346</c:v>
                </c:pt>
                <c:pt idx="13">
                  <c:v>332</c:v>
                </c:pt>
                <c:pt idx="14">
                  <c:v>317</c:v>
                </c:pt>
                <c:pt idx="15">
                  <c:v>3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D79-4F4E-BFAF-2C81CF305122}"/>
            </c:ext>
          </c:extLst>
        </c:ser>
        <c:ser>
          <c:idx val="3"/>
          <c:order val="2"/>
          <c:tx>
            <c:strRef>
              <c:f>'０３０７野積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７野積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７野積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41</c:v>
                </c:pt>
                <c:pt idx="6">
                  <c:v>493</c:v>
                </c:pt>
                <c:pt idx="7">
                  <c:v>411</c:v>
                </c:pt>
                <c:pt idx="8">
                  <c:v>405</c:v>
                </c:pt>
                <c:pt idx="9">
                  <c:v>401</c:v>
                </c:pt>
                <c:pt idx="10">
                  <c:v>391</c:v>
                </c:pt>
                <c:pt idx="11">
                  <c:v>381</c:v>
                </c:pt>
                <c:pt idx="12">
                  <c:v>368</c:v>
                </c:pt>
                <c:pt idx="13">
                  <c:v>356</c:v>
                </c:pt>
                <c:pt idx="14">
                  <c:v>342</c:v>
                </c:pt>
                <c:pt idx="15">
                  <c:v>3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D79-4F4E-BFAF-2C81CF305122}"/>
            </c:ext>
          </c:extLst>
        </c:ser>
        <c:ser>
          <c:idx val="1"/>
          <c:order val="3"/>
          <c:tx>
            <c:strRef>
              <c:f>'０３０７野積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７野積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７野積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ED79-4F4E-BFAF-2C81CF30512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70184"/>
        <c:axId val="489376456"/>
      </c:barChart>
      <c:lineChart>
        <c:grouping val="standard"/>
        <c:varyColors val="0"/>
        <c:ser>
          <c:idx val="0"/>
          <c:order val="0"/>
          <c:tx>
            <c:strRef>
              <c:f>'０３０７野積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ED79-4F4E-BFAF-2C81CF305122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ED79-4F4E-BFAF-2C81CF305122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ED79-4F4E-BFAF-2C81CF305122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ED79-4F4E-BFAF-2C81CF305122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ED79-4F4E-BFAF-2C81CF305122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ED79-4F4E-BFAF-2C81CF305122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ED79-4F4E-BFAF-2C81CF305122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ED79-4F4E-BFAF-2C81CF305122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ED79-4F4E-BFAF-2C81CF305122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ED79-4F4E-BFAF-2C81CF305122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ED79-4F4E-BFAF-2C81CF305122}"/>
              </c:ext>
            </c:extLst>
          </c:dPt>
          <c:cat>
            <c:strRef>
              <c:f>'０３０７野積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７野積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011</c:v>
                </c:pt>
                <c:pt idx="6">
                  <c:v>938</c:v>
                </c:pt>
                <c:pt idx="7">
                  <c:v>804</c:v>
                </c:pt>
                <c:pt idx="8">
                  <c:v>793</c:v>
                </c:pt>
                <c:pt idx="9">
                  <c:v>780</c:v>
                </c:pt>
                <c:pt idx="10">
                  <c:v>757</c:v>
                </c:pt>
                <c:pt idx="11">
                  <c:v>738</c:v>
                </c:pt>
                <c:pt idx="12">
                  <c:v>714</c:v>
                </c:pt>
                <c:pt idx="13">
                  <c:v>688</c:v>
                </c:pt>
                <c:pt idx="14">
                  <c:v>659</c:v>
                </c:pt>
                <c:pt idx="15">
                  <c:v>6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ED79-4F4E-BFAF-2C81CF30512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70184"/>
        <c:axId val="489376456"/>
      </c:lineChart>
      <c:catAx>
        <c:axId val="4893701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645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7645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7.478632478632479E-3"/>
              <c:y val="8.5365853658536592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0184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4722226708840882"/>
          <c:y val="0.36463440240701617"/>
          <c:w val="0.12728014905149052"/>
          <c:h val="9.2682926829268319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395390849728536E-2"/>
          <c:y val="3.1707335953777602E-2"/>
          <c:w val="0.90380596333140117"/>
          <c:h val="0.91219566513175565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３０７野積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７野積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７野積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0</c:v>
                </c:pt>
                <c:pt idx="6">
                  <c:v>78</c:v>
                </c:pt>
                <c:pt idx="7">
                  <c:v>51</c:v>
                </c:pt>
                <c:pt idx="8">
                  <c:v>49</c:v>
                </c:pt>
                <c:pt idx="9">
                  <c:v>47</c:v>
                </c:pt>
                <c:pt idx="10">
                  <c:v>44</c:v>
                </c:pt>
                <c:pt idx="11">
                  <c:v>42</c:v>
                </c:pt>
                <c:pt idx="12">
                  <c:v>37</c:v>
                </c:pt>
                <c:pt idx="13">
                  <c:v>28</c:v>
                </c:pt>
                <c:pt idx="14">
                  <c:v>22</c:v>
                </c:pt>
                <c:pt idx="15">
                  <c:v>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C3C-4856-9FF3-879523F373C5}"/>
            </c:ext>
          </c:extLst>
        </c:ser>
        <c:ser>
          <c:idx val="0"/>
          <c:order val="1"/>
          <c:tx>
            <c:strRef>
              <c:f>'０３０７野積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７野積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７野積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65</c:v>
                </c:pt>
                <c:pt idx="6">
                  <c:v>509</c:v>
                </c:pt>
                <c:pt idx="7">
                  <c:v>413</c:v>
                </c:pt>
                <c:pt idx="8">
                  <c:v>396</c:v>
                </c:pt>
                <c:pt idx="9">
                  <c:v>383</c:v>
                </c:pt>
                <c:pt idx="10">
                  <c:v>356</c:v>
                </c:pt>
                <c:pt idx="11">
                  <c:v>335</c:v>
                </c:pt>
                <c:pt idx="12">
                  <c:v>312</c:v>
                </c:pt>
                <c:pt idx="13">
                  <c:v>297</c:v>
                </c:pt>
                <c:pt idx="14">
                  <c:v>275</c:v>
                </c:pt>
                <c:pt idx="15">
                  <c:v>26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C3C-4856-9FF3-879523F373C5}"/>
            </c:ext>
          </c:extLst>
        </c:ser>
        <c:ser>
          <c:idx val="2"/>
          <c:order val="2"/>
          <c:tx>
            <c:strRef>
              <c:f>'０３０７野積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７野積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７野積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56</c:v>
                </c:pt>
                <c:pt idx="6">
                  <c:v>351</c:v>
                </c:pt>
                <c:pt idx="7">
                  <c:v>340</c:v>
                </c:pt>
                <c:pt idx="8">
                  <c:v>348</c:v>
                </c:pt>
                <c:pt idx="9">
                  <c:v>350</c:v>
                </c:pt>
                <c:pt idx="10">
                  <c:v>357</c:v>
                </c:pt>
                <c:pt idx="11">
                  <c:v>361</c:v>
                </c:pt>
                <c:pt idx="12">
                  <c:v>365</c:v>
                </c:pt>
                <c:pt idx="13">
                  <c:v>363</c:v>
                </c:pt>
                <c:pt idx="14">
                  <c:v>362</c:v>
                </c:pt>
                <c:pt idx="15">
                  <c:v>32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C3C-4856-9FF3-879523F373C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74888"/>
        <c:axId val="489372536"/>
      </c:barChart>
      <c:catAx>
        <c:axId val="4893748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253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7253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4888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6.9908883759264739E-2"/>
          <c:y val="3.041366143654653E-2"/>
          <c:w val="0.85106467185191859"/>
          <c:h val="0.90997675018147217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３０８仁歩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８仁歩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８仁歩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37</c:v>
                </c:pt>
                <c:pt idx="6">
                  <c:v>121</c:v>
                </c:pt>
                <c:pt idx="7">
                  <c:v>95</c:v>
                </c:pt>
                <c:pt idx="8">
                  <c:v>93</c:v>
                </c:pt>
                <c:pt idx="9">
                  <c:v>84</c:v>
                </c:pt>
                <c:pt idx="10">
                  <c:v>79</c:v>
                </c:pt>
                <c:pt idx="11">
                  <c:v>77</c:v>
                </c:pt>
                <c:pt idx="12">
                  <c:v>70</c:v>
                </c:pt>
                <c:pt idx="13">
                  <c:v>66</c:v>
                </c:pt>
                <c:pt idx="14">
                  <c:v>63</c:v>
                </c:pt>
                <c:pt idx="15">
                  <c:v>6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C3F-41DF-BD50-1C56BB4F6D70}"/>
            </c:ext>
          </c:extLst>
        </c:ser>
        <c:ser>
          <c:idx val="3"/>
          <c:order val="2"/>
          <c:tx>
            <c:strRef>
              <c:f>'０３０８仁歩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８仁歩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８仁歩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34</c:v>
                </c:pt>
                <c:pt idx="6">
                  <c:v>122</c:v>
                </c:pt>
                <c:pt idx="7">
                  <c:v>108</c:v>
                </c:pt>
                <c:pt idx="8">
                  <c:v>108</c:v>
                </c:pt>
                <c:pt idx="9">
                  <c:v>107</c:v>
                </c:pt>
                <c:pt idx="10">
                  <c:v>103</c:v>
                </c:pt>
                <c:pt idx="11">
                  <c:v>96</c:v>
                </c:pt>
                <c:pt idx="12">
                  <c:v>91</c:v>
                </c:pt>
                <c:pt idx="13">
                  <c:v>80</c:v>
                </c:pt>
                <c:pt idx="14">
                  <c:v>75</c:v>
                </c:pt>
                <c:pt idx="15">
                  <c:v>7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C3F-41DF-BD50-1C56BB4F6D70}"/>
            </c:ext>
          </c:extLst>
        </c:ser>
        <c:ser>
          <c:idx val="1"/>
          <c:order val="3"/>
          <c:tx>
            <c:strRef>
              <c:f>'０３０８仁歩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８仁歩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８仁歩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CC3F-41DF-BD50-1C56BB4F6D7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70968"/>
        <c:axId val="489372928"/>
      </c:barChart>
      <c:lineChart>
        <c:grouping val="standard"/>
        <c:varyColors val="0"/>
        <c:ser>
          <c:idx val="0"/>
          <c:order val="0"/>
          <c:tx>
            <c:strRef>
              <c:f>'０３０８仁歩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CC3F-41DF-BD50-1C56BB4F6D70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CC3F-41DF-BD50-1C56BB4F6D70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CC3F-41DF-BD50-1C56BB4F6D70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CC3F-41DF-BD50-1C56BB4F6D70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CC3F-41DF-BD50-1C56BB4F6D70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CC3F-41DF-BD50-1C56BB4F6D70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CC3F-41DF-BD50-1C56BB4F6D70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CC3F-41DF-BD50-1C56BB4F6D70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CC3F-41DF-BD50-1C56BB4F6D70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CC3F-41DF-BD50-1C56BB4F6D70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CC3F-41DF-BD50-1C56BB4F6D70}"/>
              </c:ext>
            </c:extLst>
          </c:dPt>
          <c:cat>
            <c:strRef>
              <c:f>'０３０８仁歩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８仁歩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71</c:v>
                </c:pt>
                <c:pt idx="6">
                  <c:v>243</c:v>
                </c:pt>
                <c:pt idx="7">
                  <c:v>203</c:v>
                </c:pt>
                <c:pt idx="8">
                  <c:v>201</c:v>
                </c:pt>
                <c:pt idx="9">
                  <c:v>191</c:v>
                </c:pt>
                <c:pt idx="10">
                  <c:v>182</c:v>
                </c:pt>
                <c:pt idx="11">
                  <c:v>173</c:v>
                </c:pt>
                <c:pt idx="12">
                  <c:v>161</c:v>
                </c:pt>
                <c:pt idx="13">
                  <c:v>146</c:v>
                </c:pt>
                <c:pt idx="14">
                  <c:v>138</c:v>
                </c:pt>
                <c:pt idx="15">
                  <c:v>13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CC3F-41DF-BD50-1C56BB4F6D7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70968"/>
        <c:axId val="489372928"/>
      </c:lineChart>
      <c:catAx>
        <c:axId val="4893709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292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7292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7.0921985815602835E-3"/>
              <c:y val="6.082725060827251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0968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48125675779889215"/>
          <c:y val="0.36618043182558385"/>
          <c:w val="0.11917932020448399"/>
          <c:h val="9.24575486458353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395390849728536E-2"/>
          <c:y val="3.1515188820062524E-2"/>
          <c:w val="0.90380596333140117"/>
          <c:h val="0.912728353134887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３０８仁歩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８仁歩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８仁歩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</c:v>
                </c:pt>
                <c:pt idx="6">
                  <c:v>14</c:v>
                </c:pt>
                <c:pt idx="7">
                  <c:v>12</c:v>
                </c:pt>
                <c:pt idx="8">
                  <c:v>9</c:v>
                </c:pt>
                <c:pt idx="9">
                  <c:v>10</c:v>
                </c:pt>
                <c:pt idx="10">
                  <c:v>7</c:v>
                </c:pt>
                <c:pt idx="11">
                  <c:v>6</c:v>
                </c:pt>
                <c:pt idx="12">
                  <c:v>5</c:v>
                </c:pt>
                <c:pt idx="13">
                  <c:v>3</c:v>
                </c:pt>
                <c:pt idx="14">
                  <c:v>3</c:v>
                </c:pt>
                <c:pt idx="15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7F6-4FBC-8038-2345F4CA8D3E}"/>
            </c:ext>
          </c:extLst>
        </c:ser>
        <c:ser>
          <c:idx val="0"/>
          <c:order val="1"/>
          <c:tx>
            <c:strRef>
              <c:f>'０３０８仁歩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８仁歩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８仁歩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45</c:v>
                </c:pt>
                <c:pt idx="6">
                  <c:v>129</c:v>
                </c:pt>
                <c:pt idx="7">
                  <c:v>95</c:v>
                </c:pt>
                <c:pt idx="8">
                  <c:v>95</c:v>
                </c:pt>
                <c:pt idx="9">
                  <c:v>86</c:v>
                </c:pt>
                <c:pt idx="10">
                  <c:v>82</c:v>
                </c:pt>
                <c:pt idx="11">
                  <c:v>74</c:v>
                </c:pt>
                <c:pt idx="12">
                  <c:v>66</c:v>
                </c:pt>
                <c:pt idx="13">
                  <c:v>56</c:v>
                </c:pt>
                <c:pt idx="14">
                  <c:v>45</c:v>
                </c:pt>
                <c:pt idx="15">
                  <c:v>4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7F6-4FBC-8038-2345F4CA8D3E}"/>
            </c:ext>
          </c:extLst>
        </c:ser>
        <c:ser>
          <c:idx val="2"/>
          <c:order val="2"/>
          <c:tx>
            <c:strRef>
              <c:f>'０３０８仁歩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８仁歩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８仁歩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08</c:v>
                </c:pt>
                <c:pt idx="6">
                  <c:v>100</c:v>
                </c:pt>
                <c:pt idx="7">
                  <c:v>96</c:v>
                </c:pt>
                <c:pt idx="8">
                  <c:v>97</c:v>
                </c:pt>
                <c:pt idx="9">
                  <c:v>95</c:v>
                </c:pt>
                <c:pt idx="10">
                  <c:v>93</c:v>
                </c:pt>
                <c:pt idx="11">
                  <c:v>93</c:v>
                </c:pt>
                <c:pt idx="12">
                  <c:v>90</c:v>
                </c:pt>
                <c:pt idx="13">
                  <c:v>87</c:v>
                </c:pt>
                <c:pt idx="14">
                  <c:v>90</c:v>
                </c:pt>
                <c:pt idx="15">
                  <c:v>8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97F6-4FBC-8038-2345F4CA8D3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75280"/>
        <c:axId val="489375672"/>
      </c:barChart>
      <c:catAx>
        <c:axId val="4893752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567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7567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528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6.7991631799163177E-2"/>
          <c:y val="3.4021891387912097E-2"/>
          <c:w val="0.88075313807531386"/>
          <c:h val="0.90887052707708027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３０９大長谷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９大長谷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９大長谷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9</c:v>
                </c:pt>
                <c:pt idx="6">
                  <c:v>41</c:v>
                </c:pt>
                <c:pt idx="7">
                  <c:v>37</c:v>
                </c:pt>
                <c:pt idx="8">
                  <c:v>40</c:v>
                </c:pt>
                <c:pt idx="9">
                  <c:v>38</c:v>
                </c:pt>
                <c:pt idx="10">
                  <c:v>36</c:v>
                </c:pt>
                <c:pt idx="11">
                  <c:v>32</c:v>
                </c:pt>
                <c:pt idx="12">
                  <c:v>29</c:v>
                </c:pt>
                <c:pt idx="13">
                  <c:v>31</c:v>
                </c:pt>
                <c:pt idx="14">
                  <c:v>30</c:v>
                </c:pt>
                <c:pt idx="15">
                  <c:v>2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91A-488E-8B0B-321CF626E4C0}"/>
            </c:ext>
          </c:extLst>
        </c:ser>
        <c:ser>
          <c:idx val="3"/>
          <c:order val="2"/>
          <c:tx>
            <c:strRef>
              <c:f>'０３０９大長谷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９大長谷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９大長谷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7</c:v>
                </c:pt>
                <c:pt idx="6">
                  <c:v>29</c:v>
                </c:pt>
                <c:pt idx="7">
                  <c:v>23</c:v>
                </c:pt>
                <c:pt idx="8">
                  <c:v>23</c:v>
                </c:pt>
                <c:pt idx="9">
                  <c:v>23</c:v>
                </c:pt>
                <c:pt idx="10">
                  <c:v>21</c:v>
                </c:pt>
                <c:pt idx="11">
                  <c:v>21</c:v>
                </c:pt>
                <c:pt idx="12">
                  <c:v>19</c:v>
                </c:pt>
                <c:pt idx="13">
                  <c:v>19</c:v>
                </c:pt>
                <c:pt idx="14">
                  <c:v>18</c:v>
                </c:pt>
                <c:pt idx="15">
                  <c:v>1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91A-488E-8B0B-321CF626E4C0}"/>
            </c:ext>
          </c:extLst>
        </c:ser>
        <c:ser>
          <c:idx val="1"/>
          <c:order val="3"/>
          <c:tx>
            <c:strRef>
              <c:f>'０３０９大長谷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９大長谷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９大長谷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91A-488E-8B0B-321CF626E4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74104"/>
        <c:axId val="489374496"/>
      </c:barChart>
      <c:lineChart>
        <c:grouping val="standard"/>
        <c:varyColors val="0"/>
        <c:ser>
          <c:idx val="0"/>
          <c:order val="0"/>
          <c:tx>
            <c:strRef>
              <c:f>'０３０９大長谷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091A-488E-8B0B-321CF626E4C0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091A-488E-8B0B-321CF626E4C0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091A-488E-8B0B-321CF626E4C0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091A-488E-8B0B-321CF626E4C0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091A-488E-8B0B-321CF626E4C0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091A-488E-8B0B-321CF626E4C0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091A-488E-8B0B-321CF626E4C0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091A-488E-8B0B-321CF626E4C0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091A-488E-8B0B-321CF626E4C0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091A-488E-8B0B-321CF626E4C0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091A-488E-8B0B-321CF626E4C0}"/>
              </c:ext>
            </c:extLst>
          </c:dPt>
          <c:cat>
            <c:strRef>
              <c:f>'０３０９大長谷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９大長谷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6</c:v>
                </c:pt>
                <c:pt idx="6">
                  <c:v>70</c:v>
                </c:pt>
                <c:pt idx="7">
                  <c:v>60</c:v>
                </c:pt>
                <c:pt idx="8">
                  <c:v>63</c:v>
                </c:pt>
                <c:pt idx="9">
                  <c:v>61</c:v>
                </c:pt>
                <c:pt idx="10">
                  <c:v>57</c:v>
                </c:pt>
                <c:pt idx="11">
                  <c:v>53</c:v>
                </c:pt>
                <c:pt idx="12">
                  <c:v>48</c:v>
                </c:pt>
                <c:pt idx="13">
                  <c:v>50</c:v>
                </c:pt>
                <c:pt idx="14">
                  <c:v>48</c:v>
                </c:pt>
                <c:pt idx="15">
                  <c:v>4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091A-488E-8B0B-321CF626E4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74104"/>
        <c:axId val="489374496"/>
      </c:lineChart>
      <c:catAx>
        <c:axId val="4893741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449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7449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1.1506276150627616E-2"/>
              <c:y val="8.505467800729039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4104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73194975158084918"/>
          <c:y val="0.16671729797979798"/>
          <c:w val="0.11789701897018968"/>
          <c:h val="8.9138005050505051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 horizontalDpi="300" verticalDpi="300"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89552238805971E-2"/>
          <c:y val="3.1630207894008389E-2"/>
          <c:w val="0.90298507462686572"/>
          <c:h val="0.9124098430963958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３０９大長谷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９大長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９大長谷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</c:v>
                </c:pt>
                <c:pt idx="6">
                  <c:v>2</c:v>
                </c:pt>
                <c:pt idx="7">
                  <c:v>1</c:v>
                </c:pt>
                <c:pt idx="8">
                  <c:v>4</c:v>
                </c:pt>
                <c:pt idx="9">
                  <c:v>4</c:v>
                </c:pt>
                <c:pt idx="10">
                  <c:v>3</c:v>
                </c:pt>
                <c:pt idx="11">
                  <c:v>3</c:v>
                </c:pt>
                <c:pt idx="12">
                  <c:v>3</c:v>
                </c:pt>
                <c:pt idx="13">
                  <c:v>3</c:v>
                </c:pt>
                <c:pt idx="14">
                  <c:v>3</c:v>
                </c:pt>
                <c:pt idx="15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2EA-4E0E-BCA9-BE87D8C015DD}"/>
            </c:ext>
          </c:extLst>
        </c:ser>
        <c:ser>
          <c:idx val="0"/>
          <c:order val="1"/>
          <c:tx>
            <c:strRef>
              <c:f>'０３０９大長谷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９大長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９大長谷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8</c:v>
                </c:pt>
                <c:pt idx="6">
                  <c:v>21</c:v>
                </c:pt>
                <c:pt idx="7">
                  <c:v>19</c:v>
                </c:pt>
                <c:pt idx="8">
                  <c:v>22</c:v>
                </c:pt>
                <c:pt idx="9">
                  <c:v>20</c:v>
                </c:pt>
                <c:pt idx="10">
                  <c:v>16</c:v>
                </c:pt>
                <c:pt idx="11">
                  <c:v>13</c:v>
                </c:pt>
                <c:pt idx="12">
                  <c:v>14</c:v>
                </c:pt>
                <c:pt idx="13">
                  <c:v>16</c:v>
                </c:pt>
                <c:pt idx="14">
                  <c:v>15</c:v>
                </c:pt>
                <c:pt idx="15">
                  <c:v>1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2EA-4E0E-BCA9-BE87D8C015DD}"/>
            </c:ext>
          </c:extLst>
        </c:ser>
        <c:ser>
          <c:idx val="2"/>
          <c:order val="2"/>
          <c:tx>
            <c:strRef>
              <c:f>'０３０９大長谷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９大長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９大長谷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5</c:v>
                </c:pt>
                <c:pt idx="6">
                  <c:v>47</c:v>
                </c:pt>
                <c:pt idx="7">
                  <c:v>40</c:v>
                </c:pt>
                <c:pt idx="8">
                  <c:v>37</c:v>
                </c:pt>
                <c:pt idx="9">
                  <c:v>37</c:v>
                </c:pt>
                <c:pt idx="10">
                  <c:v>38</c:v>
                </c:pt>
                <c:pt idx="11">
                  <c:v>37</c:v>
                </c:pt>
                <c:pt idx="12">
                  <c:v>31</c:v>
                </c:pt>
                <c:pt idx="13">
                  <c:v>31</c:v>
                </c:pt>
                <c:pt idx="14">
                  <c:v>30</c:v>
                </c:pt>
                <c:pt idx="15">
                  <c:v>3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82EA-4E0E-BCA9-BE87D8C015D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77240"/>
        <c:axId val="489371360"/>
      </c:barChart>
      <c:catAx>
        <c:axId val="4893772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136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7136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7724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1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0248457565485861"/>
          <c:y val="2.6699029126213591E-2"/>
          <c:w val="0.86128451459436728"/>
          <c:h val="0.91747572815533984"/>
        </c:manualLayout>
      </c:layout>
      <c:barChart>
        <c:barDir val="col"/>
        <c:grouping val="clustered"/>
        <c:varyColors val="0"/>
        <c:ser>
          <c:idx val="2"/>
          <c:order val="1"/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八尾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八尾地域計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0890</c:v>
                </c:pt>
                <c:pt idx="6">
                  <c:v>10496</c:v>
                </c:pt>
                <c:pt idx="7">
                  <c:v>9983</c:v>
                </c:pt>
                <c:pt idx="8">
                  <c:v>9931</c:v>
                </c:pt>
                <c:pt idx="9">
                  <c:v>9898</c:v>
                </c:pt>
                <c:pt idx="10">
                  <c:v>9788</c:v>
                </c:pt>
                <c:pt idx="11">
                  <c:v>9620</c:v>
                </c:pt>
                <c:pt idx="12">
                  <c:v>9482</c:v>
                </c:pt>
                <c:pt idx="13">
                  <c:v>9280</c:v>
                </c:pt>
                <c:pt idx="14">
                  <c:v>9121</c:v>
                </c:pt>
                <c:pt idx="15">
                  <c:v>896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BE8-4D7C-A83D-CFDE8A5EAD20}"/>
            </c:ext>
          </c:extLst>
        </c:ser>
        <c:ser>
          <c:idx val="3"/>
          <c:order val="2"/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八尾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八尾地域計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428</c:v>
                </c:pt>
                <c:pt idx="6">
                  <c:v>10977</c:v>
                </c:pt>
                <c:pt idx="7">
                  <c:v>10585</c:v>
                </c:pt>
                <c:pt idx="8">
                  <c:v>10485</c:v>
                </c:pt>
                <c:pt idx="9">
                  <c:v>10367</c:v>
                </c:pt>
                <c:pt idx="10">
                  <c:v>10253</c:v>
                </c:pt>
                <c:pt idx="11">
                  <c:v>10073</c:v>
                </c:pt>
                <c:pt idx="12">
                  <c:v>9909</c:v>
                </c:pt>
                <c:pt idx="13">
                  <c:v>9710</c:v>
                </c:pt>
                <c:pt idx="14">
                  <c:v>9497</c:v>
                </c:pt>
                <c:pt idx="15">
                  <c:v>925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BE8-4D7C-A83D-CFDE8A5EAD20}"/>
            </c:ext>
          </c:extLst>
        </c:ser>
        <c:ser>
          <c:idx val="1"/>
          <c:order val="3"/>
          <c:tx>
            <c:strRef>
              <c:f>八尾地域計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八尾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八尾地域計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CBE8-4D7C-A83D-CFDE8A5EAD2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38816"/>
        <c:axId val="492444304"/>
      </c:barChart>
      <c:lineChart>
        <c:grouping val="standard"/>
        <c:varyColors val="0"/>
        <c:ser>
          <c:idx val="0"/>
          <c:order val="0"/>
          <c:tx>
            <c:strRef>
              <c:f>八尾地域計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CBE8-4D7C-A83D-CFDE8A5EAD20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CBE8-4D7C-A83D-CFDE8A5EAD20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CBE8-4D7C-A83D-CFDE8A5EAD20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CBE8-4D7C-A83D-CFDE8A5EAD20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CBE8-4D7C-A83D-CFDE8A5EAD20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CBE8-4D7C-A83D-CFDE8A5EAD20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CBE8-4D7C-A83D-CFDE8A5EAD20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CBE8-4D7C-A83D-CFDE8A5EAD20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CBE8-4D7C-A83D-CFDE8A5EAD20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CBE8-4D7C-A83D-CFDE8A5EAD20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CBE8-4D7C-A83D-CFDE8A5EAD20}"/>
              </c:ext>
            </c:extLst>
          </c:dPt>
          <c:cat>
            <c:strRef>
              <c:f>八尾地域計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八尾地域計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2318</c:v>
                </c:pt>
                <c:pt idx="6">
                  <c:v>21473</c:v>
                </c:pt>
                <c:pt idx="7">
                  <c:v>20568</c:v>
                </c:pt>
                <c:pt idx="8">
                  <c:v>20416</c:v>
                </c:pt>
                <c:pt idx="9">
                  <c:v>20265</c:v>
                </c:pt>
                <c:pt idx="10">
                  <c:v>20041</c:v>
                </c:pt>
                <c:pt idx="11">
                  <c:v>19693</c:v>
                </c:pt>
                <c:pt idx="12">
                  <c:v>19391</c:v>
                </c:pt>
                <c:pt idx="13">
                  <c:v>18990</c:v>
                </c:pt>
                <c:pt idx="14">
                  <c:v>18618</c:v>
                </c:pt>
                <c:pt idx="15">
                  <c:v>182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CBE8-4D7C-A83D-CFDE8A5EAD2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38816"/>
        <c:axId val="492444304"/>
      </c:lineChart>
      <c:catAx>
        <c:axId val="4924388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430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44304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1.3457556935817806E-2"/>
              <c:y val="6.067961165048543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8816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62810648148148152"/>
          <c:y val="0.27215770319521448"/>
          <c:w val="0.1254294263775971"/>
          <c:h val="9.2233009708737879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 horizontalDpi="300" verticalDpi="300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52956119536399E-2"/>
          <c:y val="3.143893591293833E-2"/>
          <c:w val="0.90246611073372052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３０１八尾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１八尾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１八尾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66</c:v>
                </c:pt>
                <c:pt idx="6">
                  <c:v>274</c:v>
                </c:pt>
                <c:pt idx="7">
                  <c:v>229</c:v>
                </c:pt>
                <c:pt idx="8">
                  <c:v>223</c:v>
                </c:pt>
                <c:pt idx="9">
                  <c:v>202</c:v>
                </c:pt>
                <c:pt idx="10">
                  <c:v>196</c:v>
                </c:pt>
                <c:pt idx="11">
                  <c:v>190</c:v>
                </c:pt>
                <c:pt idx="12">
                  <c:v>183</c:v>
                </c:pt>
                <c:pt idx="13">
                  <c:v>161</c:v>
                </c:pt>
                <c:pt idx="14">
                  <c:v>145</c:v>
                </c:pt>
                <c:pt idx="15">
                  <c:v>14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4CB-4639-B933-2C6171677E1C}"/>
            </c:ext>
          </c:extLst>
        </c:ser>
        <c:ser>
          <c:idx val="0"/>
          <c:order val="1"/>
          <c:tx>
            <c:strRef>
              <c:f>'０３０１八尾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１八尾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１八尾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707</c:v>
                </c:pt>
                <c:pt idx="6">
                  <c:v>1370</c:v>
                </c:pt>
                <c:pt idx="7">
                  <c:v>1126</c:v>
                </c:pt>
                <c:pt idx="8">
                  <c:v>1094</c:v>
                </c:pt>
                <c:pt idx="9">
                  <c:v>1058</c:v>
                </c:pt>
                <c:pt idx="10">
                  <c:v>1042</c:v>
                </c:pt>
                <c:pt idx="11">
                  <c:v>989</c:v>
                </c:pt>
                <c:pt idx="12">
                  <c:v>953</c:v>
                </c:pt>
                <c:pt idx="13">
                  <c:v>908</c:v>
                </c:pt>
                <c:pt idx="14">
                  <c:v>886</c:v>
                </c:pt>
                <c:pt idx="15">
                  <c:v>85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4CB-4639-B933-2C6171677E1C}"/>
            </c:ext>
          </c:extLst>
        </c:ser>
        <c:ser>
          <c:idx val="2"/>
          <c:order val="2"/>
          <c:tx>
            <c:strRef>
              <c:f>'０３０１八尾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１八尾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１八尾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56</c:v>
                </c:pt>
                <c:pt idx="6">
                  <c:v>893</c:v>
                </c:pt>
                <c:pt idx="7">
                  <c:v>953</c:v>
                </c:pt>
                <c:pt idx="8">
                  <c:v>957</c:v>
                </c:pt>
                <c:pt idx="9">
                  <c:v>959</c:v>
                </c:pt>
                <c:pt idx="10">
                  <c:v>951</c:v>
                </c:pt>
                <c:pt idx="11">
                  <c:v>949</c:v>
                </c:pt>
                <c:pt idx="12">
                  <c:v>942</c:v>
                </c:pt>
                <c:pt idx="13">
                  <c:v>936</c:v>
                </c:pt>
                <c:pt idx="14">
                  <c:v>915</c:v>
                </c:pt>
                <c:pt idx="15">
                  <c:v>89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4CB-4639-B933-2C6171677E1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59992"/>
        <c:axId val="489366264"/>
      </c:barChart>
      <c:catAx>
        <c:axId val="4893599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626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66264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9992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2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89552238805971E-2"/>
          <c:y val="3.1591756288775516E-2"/>
          <c:w val="0.90298507462686572"/>
          <c:h val="0.91859106747362662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八尾地域計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八尾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八尾地域計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040</c:v>
                </c:pt>
                <c:pt idx="6">
                  <c:v>2879</c:v>
                </c:pt>
                <c:pt idx="7">
                  <c:v>2422</c:v>
                </c:pt>
                <c:pt idx="8">
                  <c:v>2333</c:v>
                </c:pt>
                <c:pt idx="9">
                  <c:v>2251</c:v>
                </c:pt>
                <c:pt idx="10">
                  <c:v>2166</c:v>
                </c:pt>
                <c:pt idx="11">
                  <c:v>2056</c:v>
                </c:pt>
                <c:pt idx="12">
                  <c:v>1959</c:v>
                </c:pt>
                <c:pt idx="13">
                  <c:v>1822</c:v>
                </c:pt>
                <c:pt idx="14">
                  <c:v>1726</c:v>
                </c:pt>
                <c:pt idx="15">
                  <c:v>160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663-495E-881A-AF9DD206EF22}"/>
            </c:ext>
          </c:extLst>
        </c:ser>
        <c:ser>
          <c:idx val="0"/>
          <c:order val="1"/>
          <c:tx>
            <c:strRef>
              <c:f>八尾地域計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八尾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八尾地域計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3873</c:v>
                </c:pt>
                <c:pt idx="6">
                  <c:v>12872</c:v>
                </c:pt>
                <c:pt idx="7">
                  <c:v>11702</c:v>
                </c:pt>
                <c:pt idx="8">
                  <c:v>11514</c:v>
                </c:pt>
                <c:pt idx="9">
                  <c:v>11343</c:v>
                </c:pt>
                <c:pt idx="10">
                  <c:v>11129</c:v>
                </c:pt>
                <c:pt idx="11">
                  <c:v>10821</c:v>
                </c:pt>
                <c:pt idx="12">
                  <c:v>10575</c:v>
                </c:pt>
                <c:pt idx="13">
                  <c:v>10286</c:v>
                </c:pt>
                <c:pt idx="14">
                  <c:v>10036</c:v>
                </c:pt>
                <c:pt idx="15">
                  <c:v>982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663-495E-881A-AF9DD206EF22}"/>
            </c:ext>
          </c:extLst>
        </c:ser>
        <c:ser>
          <c:idx val="2"/>
          <c:order val="2"/>
          <c:tx>
            <c:strRef>
              <c:f>八尾地域計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八尾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八尾地域計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405</c:v>
                </c:pt>
                <c:pt idx="6">
                  <c:v>5722</c:v>
                </c:pt>
                <c:pt idx="7">
                  <c:v>6444</c:v>
                </c:pt>
                <c:pt idx="8">
                  <c:v>6569</c:v>
                </c:pt>
                <c:pt idx="9">
                  <c:v>6671</c:v>
                </c:pt>
                <c:pt idx="10">
                  <c:v>6746</c:v>
                </c:pt>
                <c:pt idx="11">
                  <c:v>6816</c:v>
                </c:pt>
                <c:pt idx="12">
                  <c:v>6857</c:v>
                </c:pt>
                <c:pt idx="13">
                  <c:v>6882</c:v>
                </c:pt>
                <c:pt idx="14">
                  <c:v>6856</c:v>
                </c:pt>
                <c:pt idx="15">
                  <c:v>679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663-495E-881A-AF9DD206EF2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43520"/>
        <c:axId val="492439208"/>
      </c:barChart>
      <c:catAx>
        <c:axId val="4924435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9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920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3920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352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802575107296137"/>
          <c:y val="3.1591756288775516E-2"/>
          <c:w val="0.84442060085836912"/>
          <c:h val="0.91008559462664851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３０２保内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２保内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２保内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726</c:v>
                </c:pt>
                <c:pt idx="6">
                  <c:v>3709</c:v>
                </c:pt>
                <c:pt idx="7">
                  <c:v>3628</c:v>
                </c:pt>
                <c:pt idx="8">
                  <c:v>3624</c:v>
                </c:pt>
                <c:pt idx="9">
                  <c:v>3648</c:v>
                </c:pt>
                <c:pt idx="10">
                  <c:v>3635</c:v>
                </c:pt>
                <c:pt idx="11">
                  <c:v>3589</c:v>
                </c:pt>
                <c:pt idx="12">
                  <c:v>3543</c:v>
                </c:pt>
                <c:pt idx="13">
                  <c:v>3484</c:v>
                </c:pt>
                <c:pt idx="14">
                  <c:v>3446</c:v>
                </c:pt>
                <c:pt idx="15">
                  <c:v>337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832-46E1-86FB-D04CFA83FD29}"/>
            </c:ext>
          </c:extLst>
        </c:ser>
        <c:ser>
          <c:idx val="3"/>
          <c:order val="2"/>
          <c:tx>
            <c:strRef>
              <c:f>'０３０２保内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２保内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２保内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780</c:v>
                </c:pt>
                <c:pt idx="6">
                  <c:v>3756</c:v>
                </c:pt>
                <c:pt idx="7">
                  <c:v>3760</c:v>
                </c:pt>
                <c:pt idx="8">
                  <c:v>3730</c:v>
                </c:pt>
                <c:pt idx="9">
                  <c:v>3686</c:v>
                </c:pt>
                <c:pt idx="10">
                  <c:v>3640</c:v>
                </c:pt>
                <c:pt idx="11">
                  <c:v>3586</c:v>
                </c:pt>
                <c:pt idx="12">
                  <c:v>3530</c:v>
                </c:pt>
                <c:pt idx="13">
                  <c:v>3465</c:v>
                </c:pt>
                <c:pt idx="14">
                  <c:v>3441</c:v>
                </c:pt>
                <c:pt idx="15">
                  <c:v>335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832-46E1-86FB-D04CFA83FD29}"/>
            </c:ext>
          </c:extLst>
        </c:ser>
        <c:ser>
          <c:idx val="1"/>
          <c:order val="3"/>
          <c:tx>
            <c:strRef>
              <c:f>'０３０２保内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２保内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２保内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832-46E1-86FB-D04CFA83FD2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63520"/>
        <c:axId val="489369400"/>
      </c:barChart>
      <c:lineChart>
        <c:grouping val="standard"/>
        <c:varyColors val="0"/>
        <c:ser>
          <c:idx val="0"/>
          <c:order val="0"/>
          <c:tx>
            <c:strRef>
              <c:f>'０３０２保内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7832-46E1-86FB-D04CFA83FD29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7832-46E1-86FB-D04CFA83FD29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7832-46E1-86FB-D04CFA83FD29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7832-46E1-86FB-D04CFA83FD29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7832-46E1-86FB-D04CFA83FD29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7832-46E1-86FB-D04CFA83FD29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7832-46E1-86FB-D04CFA83FD29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7832-46E1-86FB-D04CFA83FD29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7832-46E1-86FB-D04CFA83FD29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7832-46E1-86FB-D04CFA83FD29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7832-46E1-86FB-D04CFA83FD29}"/>
              </c:ext>
            </c:extLst>
          </c:dPt>
          <c:cat>
            <c:strRef>
              <c:f>'０３０２保内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２保内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7506</c:v>
                </c:pt>
                <c:pt idx="6">
                  <c:v>7465</c:v>
                </c:pt>
                <c:pt idx="7">
                  <c:v>7388</c:v>
                </c:pt>
                <c:pt idx="8">
                  <c:v>7354</c:v>
                </c:pt>
                <c:pt idx="9">
                  <c:v>7334</c:v>
                </c:pt>
                <c:pt idx="10">
                  <c:v>7275</c:v>
                </c:pt>
                <c:pt idx="11">
                  <c:v>7175</c:v>
                </c:pt>
                <c:pt idx="12">
                  <c:v>7073</c:v>
                </c:pt>
                <c:pt idx="13">
                  <c:v>6949</c:v>
                </c:pt>
                <c:pt idx="14">
                  <c:v>6887</c:v>
                </c:pt>
                <c:pt idx="15">
                  <c:v>673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7832-46E1-86FB-D04CFA83FD2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63520"/>
        <c:axId val="489369400"/>
      </c:lineChart>
      <c:catAx>
        <c:axId val="4893635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940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6940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3.0042918454935622E-2"/>
              <c:y val="6.0753341433778859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3520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6162308039747066"/>
          <c:y val="0.26692638888888887"/>
          <c:w val="0.13347018970189703"/>
          <c:h val="9.234507897934385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395390849728536E-2"/>
          <c:y val="3.1100478468899521E-2"/>
          <c:w val="0.90380596333140117"/>
          <c:h val="0.913875598086124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３０２保内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２保内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２保内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05</c:v>
                </c:pt>
                <c:pt idx="6">
                  <c:v>1044</c:v>
                </c:pt>
                <c:pt idx="7">
                  <c:v>892</c:v>
                </c:pt>
                <c:pt idx="8">
                  <c:v>869</c:v>
                </c:pt>
                <c:pt idx="9">
                  <c:v>838</c:v>
                </c:pt>
                <c:pt idx="10">
                  <c:v>801</c:v>
                </c:pt>
                <c:pt idx="11">
                  <c:v>764</c:v>
                </c:pt>
                <c:pt idx="12">
                  <c:v>725</c:v>
                </c:pt>
                <c:pt idx="13">
                  <c:v>683</c:v>
                </c:pt>
                <c:pt idx="14">
                  <c:v>661</c:v>
                </c:pt>
                <c:pt idx="15">
                  <c:v>6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73A-46A9-B63E-4459D802D8FE}"/>
            </c:ext>
          </c:extLst>
        </c:ser>
        <c:ser>
          <c:idx val="0"/>
          <c:order val="1"/>
          <c:tx>
            <c:strRef>
              <c:f>'０３０２保内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２保内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２保内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760</c:v>
                </c:pt>
                <c:pt idx="6">
                  <c:v>4593</c:v>
                </c:pt>
                <c:pt idx="7">
                  <c:v>4381</c:v>
                </c:pt>
                <c:pt idx="8">
                  <c:v>4334</c:v>
                </c:pt>
                <c:pt idx="9">
                  <c:v>4307</c:v>
                </c:pt>
                <c:pt idx="10">
                  <c:v>4261</c:v>
                </c:pt>
                <c:pt idx="11">
                  <c:v>4182</c:v>
                </c:pt>
                <c:pt idx="12">
                  <c:v>4103</c:v>
                </c:pt>
                <c:pt idx="13">
                  <c:v>4006</c:v>
                </c:pt>
                <c:pt idx="14">
                  <c:v>3968</c:v>
                </c:pt>
                <c:pt idx="15">
                  <c:v>385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73A-46A9-B63E-4459D802D8FE}"/>
            </c:ext>
          </c:extLst>
        </c:ser>
        <c:ser>
          <c:idx val="2"/>
          <c:order val="2"/>
          <c:tx>
            <c:strRef>
              <c:f>'０３０２保内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２保内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２保内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641</c:v>
                </c:pt>
                <c:pt idx="6">
                  <c:v>1828</c:v>
                </c:pt>
                <c:pt idx="7">
                  <c:v>2115</c:v>
                </c:pt>
                <c:pt idx="8">
                  <c:v>2151</c:v>
                </c:pt>
                <c:pt idx="9">
                  <c:v>2189</c:v>
                </c:pt>
                <c:pt idx="10">
                  <c:v>2213</c:v>
                </c:pt>
                <c:pt idx="11">
                  <c:v>2229</c:v>
                </c:pt>
                <c:pt idx="12">
                  <c:v>2245</c:v>
                </c:pt>
                <c:pt idx="13">
                  <c:v>2260</c:v>
                </c:pt>
                <c:pt idx="14">
                  <c:v>2258</c:v>
                </c:pt>
                <c:pt idx="15">
                  <c:v>225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73A-46A9-B63E-4459D802D8F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67440"/>
        <c:axId val="489361952"/>
      </c:barChart>
      <c:catAx>
        <c:axId val="4893674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195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6195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744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39511302240688"/>
          <c:y val="3.143893591293833E-2"/>
          <c:w val="0.84877617559423213"/>
          <c:h val="0.91293833131801694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３０３杉原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３杉原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３杉原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573</c:v>
                </c:pt>
                <c:pt idx="6">
                  <c:v>3584</c:v>
                </c:pt>
                <c:pt idx="7">
                  <c:v>3500</c:v>
                </c:pt>
                <c:pt idx="8">
                  <c:v>3484</c:v>
                </c:pt>
                <c:pt idx="9">
                  <c:v>3483</c:v>
                </c:pt>
                <c:pt idx="10">
                  <c:v>3448</c:v>
                </c:pt>
                <c:pt idx="11">
                  <c:v>3393</c:v>
                </c:pt>
                <c:pt idx="12">
                  <c:v>3376</c:v>
                </c:pt>
                <c:pt idx="13">
                  <c:v>3320</c:v>
                </c:pt>
                <c:pt idx="14">
                  <c:v>3274</c:v>
                </c:pt>
                <c:pt idx="15">
                  <c:v>32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CAF-41CB-9BFA-8D219E19C733}"/>
            </c:ext>
          </c:extLst>
        </c:ser>
        <c:ser>
          <c:idx val="3"/>
          <c:order val="2"/>
          <c:tx>
            <c:strRef>
              <c:f>'０３０３杉原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３杉原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３杉原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726</c:v>
                </c:pt>
                <c:pt idx="6">
                  <c:v>3693</c:v>
                </c:pt>
                <c:pt idx="7">
                  <c:v>3673</c:v>
                </c:pt>
                <c:pt idx="8">
                  <c:v>3659</c:v>
                </c:pt>
                <c:pt idx="9">
                  <c:v>3642</c:v>
                </c:pt>
                <c:pt idx="10">
                  <c:v>3614</c:v>
                </c:pt>
                <c:pt idx="11">
                  <c:v>3584</c:v>
                </c:pt>
                <c:pt idx="12">
                  <c:v>3554</c:v>
                </c:pt>
                <c:pt idx="13">
                  <c:v>3502</c:v>
                </c:pt>
                <c:pt idx="14">
                  <c:v>3406</c:v>
                </c:pt>
                <c:pt idx="15">
                  <c:v>335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CAF-41CB-9BFA-8D219E19C733}"/>
            </c:ext>
          </c:extLst>
        </c:ser>
        <c:ser>
          <c:idx val="1"/>
          <c:order val="3"/>
          <c:tx>
            <c:strRef>
              <c:f>'０３０３杉原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３杉原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３杉原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ECAF-41CB-9BFA-8D219E19C73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62344"/>
        <c:axId val="489360776"/>
      </c:barChart>
      <c:lineChart>
        <c:grouping val="standard"/>
        <c:varyColors val="0"/>
        <c:ser>
          <c:idx val="0"/>
          <c:order val="0"/>
          <c:tx>
            <c:strRef>
              <c:f>'０３０３杉原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ECAF-41CB-9BFA-8D219E19C733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ECAF-41CB-9BFA-8D219E19C733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ECAF-41CB-9BFA-8D219E19C733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ECAF-41CB-9BFA-8D219E19C733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ECAF-41CB-9BFA-8D219E19C733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ECAF-41CB-9BFA-8D219E19C733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ECAF-41CB-9BFA-8D219E19C733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ECAF-41CB-9BFA-8D219E19C733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ECAF-41CB-9BFA-8D219E19C733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ECAF-41CB-9BFA-8D219E19C733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ECAF-41CB-9BFA-8D219E19C733}"/>
              </c:ext>
            </c:extLst>
          </c:dPt>
          <c:cat>
            <c:strRef>
              <c:f>'０３０３杉原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３杉原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7299</c:v>
                </c:pt>
                <c:pt idx="6">
                  <c:v>7277</c:v>
                </c:pt>
                <c:pt idx="7">
                  <c:v>7173</c:v>
                </c:pt>
                <c:pt idx="8">
                  <c:v>7143</c:v>
                </c:pt>
                <c:pt idx="9">
                  <c:v>7125</c:v>
                </c:pt>
                <c:pt idx="10">
                  <c:v>7062</c:v>
                </c:pt>
                <c:pt idx="11">
                  <c:v>6977</c:v>
                </c:pt>
                <c:pt idx="12">
                  <c:v>6930</c:v>
                </c:pt>
                <c:pt idx="13">
                  <c:v>6822</c:v>
                </c:pt>
                <c:pt idx="14">
                  <c:v>6680</c:v>
                </c:pt>
                <c:pt idx="15">
                  <c:v>659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ECAF-41CB-9BFA-8D219E19C73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62344"/>
        <c:axId val="489360776"/>
      </c:lineChart>
      <c:catAx>
        <c:axId val="4893623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077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6077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7689030883919063E-2"/>
              <c:y val="6.0459492140266021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2344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62286709575429089"/>
          <c:y val="0.27303181818181821"/>
          <c:w val="0.1312444670280036"/>
          <c:h val="9.1898428053204362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395390849728536E-2"/>
          <c:y val="3.1325301204819279E-2"/>
          <c:w val="0.90380596333140117"/>
          <c:h val="0.913253012048192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３０３杉原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３杉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３杉原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28</c:v>
                </c:pt>
                <c:pt idx="6">
                  <c:v>1122</c:v>
                </c:pt>
                <c:pt idx="7">
                  <c:v>960</c:v>
                </c:pt>
                <c:pt idx="8">
                  <c:v>922</c:v>
                </c:pt>
                <c:pt idx="9">
                  <c:v>904</c:v>
                </c:pt>
                <c:pt idx="10">
                  <c:v>874</c:v>
                </c:pt>
                <c:pt idx="11">
                  <c:v>836</c:v>
                </c:pt>
                <c:pt idx="12">
                  <c:v>812</c:v>
                </c:pt>
                <c:pt idx="13">
                  <c:v>767</c:v>
                </c:pt>
                <c:pt idx="14">
                  <c:v>718</c:v>
                </c:pt>
                <c:pt idx="15">
                  <c:v>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D1A-403D-AC95-F66748CB13A9}"/>
            </c:ext>
          </c:extLst>
        </c:ser>
        <c:ser>
          <c:idx val="0"/>
          <c:order val="1"/>
          <c:tx>
            <c:strRef>
              <c:f>'０３０３杉原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３杉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３杉原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641</c:v>
                </c:pt>
                <c:pt idx="6">
                  <c:v>4506</c:v>
                </c:pt>
                <c:pt idx="7">
                  <c:v>4223</c:v>
                </c:pt>
                <c:pt idx="8">
                  <c:v>4177</c:v>
                </c:pt>
                <c:pt idx="9">
                  <c:v>4123</c:v>
                </c:pt>
                <c:pt idx="10">
                  <c:v>4057</c:v>
                </c:pt>
                <c:pt idx="11">
                  <c:v>3981</c:v>
                </c:pt>
                <c:pt idx="12">
                  <c:v>3922</c:v>
                </c:pt>
                <c:pt idx="13">
                  <c:v>3842</c:v>
                </c:pt>
                <c:pt idx="14">
                  <c:v>3735</c:v>
                </c:pt>
                <c:pt idx="15">
                  <c:v>370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D1A-403D-AC95-F66748CB13A9}"/>
            </c:ext>
          </c:extLst>
        </c:ser>
        <c:ser>
          <c:idx val="2"/>
          <c:order val="2"/>
          <c:tx>
            <c:strRef>
              <c:f>'０３０３杉原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３杉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３杉原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530</c:v>
                </c:pt>
                <c:pt idx="6">
                  <c:v>1649</c:v>
                </c:pt>
                <c:pt idx="7">
                  <c:v>1990</c:v>
                </c:pt>
                <c:pt idx="8">
                  <c:v>2044</c:v>
                </c:pt>
                <c:pt idx="9">
                  <c:v>2098</c:v>
                </c:pt>
                <c:pt idx="10">
                  <c:v>2131</c:v>
                </c:pt>
                <c:pt idx="11">
                  <c:v>2160</c:v>
                </c:pt>
                <c:pt idx="12">
                  <c:v>2196</c:v>
                </c:pt>
                <c:pt idx="13">
                  <c:v>2213</c:v>
                </c:pt>
                <c:pt idx="14">
                  <c:v>2227</c:v>
                </c:pt>
                <c:pt idx="15">
                  <c:v>221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D1A-403D-AC95-F66748CB13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65088"/>
        <c:axId val="489365480"/>
      </c:barChart>
      <c:catAx>
        <c:axId val="4893650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548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6548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5088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2687950566426369E-2"/>
          <c:y val="3.0266361717308635E-2"/>
          <c:w val="0.87126673532440779"/>
          <c:h val="0.89346299789495087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３０４卯花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４卯花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４卯花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14</c:v>
                </c:pt>
                <c:pt idx="6">
                  <c:v>466</c:v>
                </c:pt>
                <c:pt idx="7">
                  <c:v>416</c:v>
                </c:pt>
                <c:pt idx="8">
                  <c:v>409</c:v>
                </c:pt>
                <c:pt idx="9">
                  <c:v>394</c:v>
                </c:pt>
                <c:pt idx="10">
                  <c:v>387</c:v>
                </c:pt>
                <c:pt idx="11">
                  <c:v>382</c:v>
                </c:pt>
                <c:pt idx="12">
                  <c:v>377</c:v>
                </c:pt>
                <c:pt idx="13">
                  <c:v>372</c:v>
                </c:pt>
                <c:pt idx="14">
                  <c:v>360</c:v>
                </c:pt>
                <c:pt idx="15">
                  <c:v>35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7FE-4497-A602-3BE040C672B0}"/>
            </c:ext>
          </c:extLst>
        </c:ser>
        <c:ser>
          <c:idx val="3"/>
          <c:order val="2"/>
          <c:tx>
            <c:strRef>
              <c:f>'０３０４卯花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４卯花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４卯花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40</c:v>
                </c:pt>
                <c:pt idx="6">
                  <c:v>496</c:v>
                </c:pt>
                <c:pt idx="7">
                  <c:v>457</c:v>
                </c:pt>
                <c:pt idx="8">
                  <c:v>461</c:v>
                </c:pt>
                <c:pt idx="9">
                  <c:v>447</c:v>
                </c:pt>
                <c:pt idx="10">
                  <c:v>445</c:v>
                </c:pt>
                <c:pt idx="11">
                  <c:v>442</c:v>
                </c:pt>
                <c:pt idx="12">
                  <c:v>422</c:v>
                </c:pt>
                <c:pt idx="13">
                  <c:v>407</c:v>
                </c:pt>
                <c:pt idx="14">
                  <c:v>399</c:v>
                </c:pt>
                <c:pt idx="15">
                  <c:v>39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7FE-4497-A602-3BE040C672B0}"/>
            </c:ext>
          </c:extLst>
        </c:ser>
        <c:ser>
          <c:idx val="1"/>
          <c:order val="3"/>
          <c:tx>
            <c:strRef>
              <c:f>'０３０４卯花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４卯花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４卯花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47FE-4497-A602-3BE040C672B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69792"/>
        <c:axId val="489364304"/>
      </c:barChart>
      <c:lineChart>
        <c:grouping val="standard"/>
        <c:varyColors val="0"/>
        <c:ser>
          <c:idx val="0"/>
          <c:order val="0"/>
          <c:tx>
            <c:strRef>
              <c:f>'０３０４卯花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47FE-4497-A602-3BE040C672B0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47FE-4497-A602-3BE040C672B0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47FE-4497-A602-3BE040C672B0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47FE-4497-A602-3BE040C672B0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47FE-4497-A602-3BE040C672B0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47FE-4497-A602-3BE040C672B0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47FE-4497-A602-3BE040C672B0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47FE-4497-A602-3BE040C672B0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47FE-4497-A602-3BE040C672B0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47FE-4497-A602-3BE040C672B0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47FE-4497-A602-3BE040C672B0}"/>
              </c:ext>
            </c:extLst>
          </c:dPt>
          <c:cat>
            <c:strRef>
              <c:f>'０３０４卯花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４卯花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054</c:v>
                </c:pt>
                <c:pt idx="6">
                  <c:v>962</c:v>
                </c:pt>
                <c:pt idx="7">
                  <c:v>873</c:v>
                </c:pt>
                <c:pt idx="8">
                  <c:v>870</c:v>
                </c:pt>
                <c:pt idx="9">
                  <c:v>841</c:v>
                </c:pt>
                <c:pt idx="10">
                  <c:v>832</c:v>
                </c:pt>
                <c:pt idx="11">
                  <c:v>824</c:v>
                </c:pt>
                <c:pt idx="12">
                  <c:v>799</c:v>
                </c:pt>
                <c:pt idx="13">
                  <c:v>779</c:v>
                </c:pt>
                <c:pt idx="14">
                  <c:v>759</c:v>
                </c:pt>
                <c:pt idx="15">
                  <c:v>74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47FE-4497-A602-3BE040C672B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69792"/>
        <c:axId val="489364304"/>
      </c:lineChart>
      <c:catAx>
        <c:axId val="4893697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430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64304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5.1493305870236872E-3"/>
              <c:y val="6.0532687651331718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9792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238665534719128"/>
          <c:y val="0.35472186002093625"/>
          <c:w val="0.12663979617910126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401003218650005E-2"/>
          <c:w val="0.90288200732161705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３０４卯花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４卯花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４卯花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20</c:v>
                </c:pt>
                <c:pt idx="6">
                  <c:v>83</c:v>
                </c:pt>
                <c:pt idx="7">
                  <c:v>80</c:v>
                </c:pt>
                <c:pt idx="8">
                  <c:v>78</c:v>
                </c:pt>
                <c:pt idx="9">
                  <c:v>74</c:v>
                </c:pt>
                <c:pt idx="10">
                  <c:v>76</c:v>
                </c:pt>
                <c:pt idx="11">
                  <c:v>77</c:v>
                </c:pt>
                <c:pt idx="12">
                  <c:v>68</c:v>
                </c:pt>
                <c:pt idx="13">
                  <c:v>61</c:v>
                </c:pt>
                <c:pt idx="14">
                  <c:v>59</c:v>
                </c:pt>
                <c:pt idx="15">
                  <c:v>5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58A-4268-B31B-7F6232E30B2F}"/>
            </c:ext>
          </c:extLst>
        </c:ser>
        <c:ser>
          <c:idx val="0"/>
          <c:order val="1"/>
          <c:tx>
            <c:strRef>
              <c:f>'０３０４卯花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４卯花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４卯花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28</c:v>
                </c:pt>
                <c:pt idx="6">
                  <c:v>561</c:v>
                </c:pt>
                <c:pt idx="7">
                  <c:v>461</c:v>
                </c:pt>
                <c:pt idx="8">
                  <c:v>457</c:v>
                </c:pt>
                <c:pt idx="9">
                  <c:v>435</c:v>
                </c:pt>
                <c:pt idx="10">
                  <c:v>421</c:v>
                </c:pt>
                <c:pt idx="11">
                  <c:v>402</c:v>
                </c:pt>
                <c:pt idx="12">
                  <c:v>381</c:v>
                </c:pt>
                <c:pt idx="13">
                  <c:v>361</c:v>
                </c:pt>
                <c:pt idx="14">
                  <c:v>346</c:v>
                </c:pt>
                <c:pt idx="15">
                  <c:v>3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58A-4268-B31B-7F6232E30B2F}"/>
            </c:ext>
          </c:extLst>
        </c:ser>
        <c:ser>
          <c:idx val="2"/>
          <c:order val="2"/>
          <c:tx>
            <c:strRef>
              <c:f>'０３０４卯花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４卯花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４卯花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06</c:v>
                </c:pt>
                <c:pt idx="6">
                  <c:v>318</c:v>
                </c:pt>
                <c:pt idx="7">
                  <c:v>332</c:v>
                </c:pt>
                <c:pt idx="8">
                  <c:v>335</c:v>
                </c:pt>
                <c:pt idx="9">
                  <c:v>332</c:v>
                </c:pt>
                <c:pt idx="10">
                  <c:v>335</c:v>
                </c:pt>
                <c:pt idx="11">
                  <c:v>345</c:v>
                </c:pt>
                <c:pt idx="12">
                  <c:v>350</c:v>
                </c:pt>
                <c:pt idx="13">
                  <c:v>357</c:v>
                </c:pt>
                <c:pt idx="14">
                  <c:v>354</c:v>
                </c:pt>
                <c:pt idx="15">
                  <c:v>35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C58A-4268-B31B-7F6232E30B2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65872"/>
        <c:axId val="489366656"/>
      </c:barChart>
      <c:catAx>
        <c:axId val="4893658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665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6665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5872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316036362822149E-2"/>
          <c:y val="3.037666893170006E-2"/>
          <c:w val="0.84776201780357763"/>
          <c:h val="0.91130066217621686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３０５室牧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５室牧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５室牧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01</c:v>
                </c:pt>
                <c:pt idx="6">
                  <c:v>279</c:v>
                </c:pt>
                <c:pt idx="7">
                  <c:v>236</c:v>
                </c:pt>
                <c:pt idx="8">
                  <c:v>229</c:v>
                </c:pt>
                <c:pt idx="9">
                  <c:v>222</c:v>
                </c:pt>
                <c:pt idx="10">
                  <c:v>210</c:v>
                </c:pt>
                <c:pt idx="11">
                  <c:v>195</c:v>
                </c:pt>
                <c:pt idx="12">
                  <c:v>185</c:v>
                </c:pt>
                <c:pt idx="13">
                  <c:v>173</c:v>
                </c:pt>
                <c:pt idx="14">
                  <c:v>164</c:v>
                </c:pt>
                <c:pt idx="15">
                  <c:v>17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731-4E65-B47F-C83C8D4F4854}"/>
            </c:ext>
          </c:extLst>
        </c:ser>
        <c:ser>
          <c:idx val="3"/>
          <c:order val="2"/>
          <c:tx>
            <c:strRef>
              <c:f>'０３０５室牧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５室牧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５室牧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34</c:v>
                </c:pt>
                <c:pt idx="6">
                  <c:v>295</c:v>
                </c:pt>
                <c:pt idx="7">
                  <c:v>264</c:v>
                </c:pt>
                <c:pt idx="8">
                  <c:v>243</c:v>
                </c:pt>
                <c:pt idx="9">
                  <c:v>239</c:v>
                </c:pt>
                <c:pt idx="10">
                  <c:v>234</c:v>
                </c:pt>
                <c:pt idx="11">
                  <c:v>223</c:v>
                </c:pt>
                <c:pt idx="12">
                  <c:v>220</c:v>
                </c:pt>
                <c:pt idx="13">
                  <c:v>215</c:v>
                </c:pt>
                <c:pt idx="14">
                  <c:v>209</c:v>
                </c:pt>
                <c:pt idx="15">
                  <c:v>19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731-4E65-B47F-C83C8D4F4854}"/>
            </c:ext>
          </c:extLst>
        </c:ser>
        <c:ser>
          <c:idx val="1"/>
          <c:order val="3"/>
          <c:tx>
            <c:strRef>
              <c:f>'０３０５室牧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０５室牧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３０５室牧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731-4E65-B47F-C83C8D4F485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67048"/>
        <c:axId val="489367832"/>
      </c:barChart>
      <c:lineChart>
        <c:grouping val="standard"/>
        <c:varyColors val="0"/>
        <c:ser>
          <c:idx val="0"/>
          <c:order val="0"/>
          <c:tx>
            <c:strRef>
              <c:f>'０３０５室牧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7731-4E65-B47F-C83C8D4F4854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7731-4E65-B47F-C83C8D4F4854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7731-4E65-B47F-C83C8D4F4854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7731-4E65-B47F-C83C8D4F4854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7731-4E65-B47F-C83C8D4F4854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7731-4E65-B47F-C83C8D4F4854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7731-4E65-B47F-C83C8D4F4854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7731-4E65-B47F-C83C8D4F4854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7731-4E65-B47F-C83C8D4F4854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7731-4E65-B47F-C83C8D4F4854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7731-4E65-B47F-C83C8D4F4854}"/>
              </c:ext>
            </c:extLst>
          </c:dPt>
          <c:cat>
            <c:strRef>
              <c:f>'０３０５室牧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０５室牧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35</c:v>
                </c:pt>
                <c:pt idx="6">
                  <c:v>574</c:v>
                </c:pt>
                <c:pt idx="7">
                  <c:v>500</c:v>
                </c:pt>
                <c:pt idx="8">
                  <c:v>472</c:v>
                </c:pt>
                <c:pt idx="9">
                  <c:v>461</c:v>
                </c:pt>
                <c:pt idx="10">
                  <c:v>444</c:v>
                </c:pt>
                <c:pt idx="11">
                  <c:v>418</c:v>
                </c:pt>
                <c:pt idx="12">
                  <c:v>405</c:v>
                </c:pt>
                <c:pt idx="13">
                  <c:v>388</c:v>
                </c:pt>
                <c:pt idx="14">
                  <c:v>373</c:v>
                </c:pt>
                <c:pt idx="15">
                  <c:v>37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7731-4E65-B47F-C83C8D4F485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67048"/>
        <c:axId val="489367832"/>
      </c:lineChart>
      <c:catAx>
        <c:axId val="4893670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783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6783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4.9751243781094526E-3"/>
              <c:y val="6.0753341433778859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67048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48358250741045428"/>
          <c:y val="0.31834763667907245"/>
          <c:w val="0.13771001023791871"/>
          <c:h val="9.234507897934385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1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0.xml"/><Relationship Id="rId1" Type="http://schemas.openxmlformats.org/officeDocument/2006/relationships/chart" Target="../charts/chart19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chart" Target="../charts/chart7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.xml"/><Relationship Id="rId1" Type="http://schemas.openxmlformats.org/officeDocument/2006/relationships/chart" Target="../charts/chart9.xml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2.xml"/><Relationship Id="rId1" Type="http://schemas.openxmlformats.org/officeDocument/2006/relationships/chart" Target="../charts/chart11.xml"/></Relationships>
</file>

<file path=xl/drawings/_rels/drawing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4.xml"/><Relationship Id="rId1" Type="http://schemas.openxmlformats.org/officeDocument/2006/relationships/chart" Target="../charts/chart13.xml"/></Relationships>
</file>

<file path=xl/drawings/_rels/drawing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6.xml"/><Relationship Id="rId1" Type="http://schemas.openxmlformats.org/officeDocument/2006/relationships/chart" Target="../charts/chart15.xml"/></Relationships>
</file>

<file path=xl/drawings/_rels/drawing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8.xml"/><Relationship Id="rId1" Type="http://schemas.openxmlformats.org/officeDocument/2006/relationships/chart" Target="../charts/chart17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8100</xdr:colOff>
      <xdr:row>51</xdr:row>
      <xdr:rowOff>9525</xdr:rowOff>
    </xdr:from>
    <xdr:to>
      <xdr:col>8</xdr:col>
      <xdr:colOff>27191</xdr:colOff>
      <xdr:row>77</xdr:row>
      <xdr:rowOff>274888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991F83BE-E609-4357-923B-D92CD7C3D6C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61604</xdr:colOff>
      <xdr:row>51</xdr:row>
      <xdr:rowOff>32905</xdr:rowOff>
    </xdr:from>
    <xdr:to>
      <xdr:col>16</xdr:col>
      <xdr:colOff>1050695</xdr:colOff>
      <xdr:row>78</xdr:row>
      <xdr:rowOff>3859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2DF9CB3F-9D8D-4BCE-8786-1937A093FC1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1907</xdr:colOff>
      <xdr:row>67</xdr:row>
      <xdr:rowOff>90056</xdr:rowOff>
    </xdr:from>
    <xdr:to>
      <xdr:col>14</xdr:col>
      <xdr:colOff>451798</xdr:colOff>
      <xdr:row>68</xdr:row>
      <xdr:rowOff>51110</xdr:rowOff>
    </xdr:to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953F3075-245C-413B-A67E-8849E213A2C4}"/>
            </a:ext>
          </a:extLst>
        </xdr:cNvPr>
        <xdr:cNvSpPr txBox="1">
          <a:spLocks noChangeArrowheads="1"/>
        </xdr:cNvSpPr>
      </xdr:nvSpPr>
      <xdr:spPr bwMode="auto">
        <a:xfrm>
          <a:off x="12946307" y="19376276"/>
          <a:ext cx="794771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596253</xdr:colOff>
      <xdr:row>75</xdr:row>
      <xdr:rowOff>7845</xdr:rowOff>
    </xdr:from>
    <xdr:to>
      <xdr:col>14</xdr:col>
      <xdr:colOff>446958</xdr:colOff>
      <xdr:row>75</xdr:row>
      <xdr:rowOff>259845</xdr:rowOff>
    </xdr:to>
    <xdr:sp macro="" textlink="">
      <xdr:nvSpPr>
        <xdr:cNvPr id="5" name="Text Box 4">
          <a:extLst>
            <a:ext uri="{FF2B5EF4-FFF2-40B4-BE49-F238E27FC236}">
              <a16:creationId xmlns:a16="http://schemas.microsoft.com/office/drawing/2014/main" id="{F427F78A-54E8-447B-8C9F-6D86202B97EF}"/>
            </a:ext>
          </a:extLst>
        </xdr:cNvPr>
        <xdr:cNvSpPr txBox="1">
          <a:spLocks noChangeArrowheads="1"/>
        </xdr:cNvSpPr>
      </xdr:nvSpPr>
      <xdr:spPr bwMode="auto">
        <a:xfrm>
          <a:off x="12940653" y="21610545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27066</xdr:colOff>
      <xdr:row>56</xdr:row>
      <xdr:rowOff>83137</xdr:rowOff>
    </xdr:from>
    <xdr:to>
      <xdr:col>14</xdr:col>
      <xdr:colOff>477771</xdr:colOff>
      <xdr:row>57</xdr:row>
      <xdr:rowOff>44191</xdr:rowOff>
    </xdr:to>
    <xdr:sp macro="" textlink="">
      <xdr:nvSpPr>
        <xdr:cNvPr id="6" name="Text Box 5">
          <a:extLst>
            <a:ext uri="{FF2B5EF4-FFF2-40B4-BE49-F238E27FC236}">
              <a16:creationId xmlns:a16="http://schemas.microsoft.com/office/drawing/2014/main" id="{90C0796A-6265-4F01-BBBB-E810D834E2A7}"/>
            </a:ext>
          </a:extLst>
        </xdr:cNvPr>
        <xdr:cNvSpPr txBox="1">
          <a:spLocks noChangeArrowheads="1"/>
        </xdr:cNvSpPr>
      </xdr:nvSpPr>
      <xdr:spPr bwMode="auto">
        <a:xfrm>
          <a:off x="12971466" y="16184197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199</xdr:colOff>
      <xdr:row>51</xdr:row>
      <xdr:rowOff>19049</xdr:rowOff>
    </xdr:from>
    <xdr:to>
      <xdr:col>8</xdr:col>
      <xdr:colOff>65290</xdr:colOff>
      <xdr:row>77</xdr:row>
      <xdr:rowOff>28441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041A7BC5-E5B8-40EA-8BD0-EB49182DC9A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70263</xdr:colOff>
      <xdr:row>51</xdr:row>
      <xdr:rowOff>58880</xdr:rowOff>
    </xdr:from>
    <xdr:to>
      <xdr:col>16</xdr:col>
      <xdr:colOff>1059353</xdr:colOff>
      <xdr:row>78</xdr:row>
      <xdr:rowOff>29834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D0D85745-94A2-4BFD-B087-4916723DD64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8463</xdr:colOff>
      <xdr:row>66</xdr:row>
      <xdr:rowOff>34640</xdr:rowOff>
    </xdr:from>
    <xdr:to>
      <xdr:col>14</xdr:col>
      <xdr:colOff>458354</xdr:colOff>
      <xdr:row>66</xdr:row>
      <xdr:rowOff>286640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745DE5B4-C4B3-4C30-BD42-C13695A9A025}"/>
            </a:ext>
          </a:extLst>
        </xdr:cNvPr>
        <xdr:cNvSpPr txBox="1">
          <a:spLocks noChangeArrowheads="1"/>
        </xdr:cNvSpPr>
      </xdr:nvSpPr>
      <xdr:spPr bwMode="auto">
        <a:xfrm>
          <a:off x="12952863" y="1903130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01515</xdr:colOff>
      <xdr:row>74</xdr:row>
      <xdr:rowOff>216475</xdr:rowOff>
    </xdr:from>
    <xdr:to>
      <xdr:col>14</xdr:col>
      <xdr:colOff>451406</xdr:colOff>
      <xdr:row>75</xdr:row>
      <xdr:rowOff>178915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F2D05AE8-3F12-4DB2-BB54-7ABAEC94A267}"/>
            </a:ext>
          </a:extLst>
        </xdr:cNvPr>
        <xdr:cNvSpPr txBox="1">
          <a:spLocks noChangeArrowheads="1"/>
        </xdr:cNvSpPr>
      </xdr:nvSpPr>
      <xdr:spPr bwMode="auto">
        <a:xfrm>
          <a:off x="12945915" y="2152961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4636</xdr:colOff>
      <xdr:row>55</xdr:row>
      <xdr:rowOff>50225</xdr:rowOff>
    </xdr:from>
    <xdr:to>
      <xdr:col>14</xdr:col>
      <xdr:colOff>464527</xdr:colOff>
      <xdr:row>56</xdr:row>
      <xdr:rowOff>12665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51E17EC2-974E-4049-8597-0E3447B0CE63}"/>
            </a:ext>
          </a:extLst>
        </xdr:cNvPr>
        <xdr:cNvSpPr txBox="1">
          <a:spLocks noChangeArrowheads="1"/>
        </xdr:cNvSpPr>
      </xdr:nvSpPr>
      <xdr:spPr bwMode="auto">
        <a:xfrm>
          <a:off x="12959036" y="1586172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9272</xdr:colOff>
      <xdr:row>51</xdr:row>
      <xdr:rowOff>38097</xdr:rowOff>
    </xdr:from>
    <xdr:to>
      <xdr:col>8</xdr:col>
      <xdr:colOff>58363</xdr:colOff>
      <xdr:row>78</xdr:row>
      <xdr:rowOff>9051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F2BBE845-6592-422E-9E52-2242DF83D44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91046</xdr:colOff>
      <xdr:row>51</xdr:row>
      <xdr:rowOff>55419</xdr:rowOff>
    </xdr:from>
    <xdr:to>
      <xdr:col>16</xdr:col>
      <xdr:colOff>1031646</xdr:colOff>
      <xdr:row>78</xdr:row>
      <xdr:rowOff>2994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7D33AF5D-6F05-46CA-AF38-6FFF385AB3F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1388</xdr:colOff>
      <xdr:row>74</xdr:row>
      <xdr:rowOff>200895</xdr:rowOff>
    </xdr:from>
    <xdr:to>
      <xdr:col>14</xdr:col>
      <xdr:colOff>442093</xdr:colOff>
      <xdr:row>75</xdr:row>
      <xdr:rowOff>161949</xdr:rowOff>
    </xdr:to>
    <xdr:sp macro="" textlink="">
      <xdr:nvSpPr>
        <xdr:cNvPr id="4" name="Text Box 7">
          <a:extLst>
            <a:ext uri="{FF2B5EF4-FFF2-40B4-BE49-F238E27FC236}">
              <a16:creationId xmlns:a16="http://schemas.microsoft.com/office/drawing/2014/main" id="{0D023A89-149E-40BB-9DA4-5077FDBA58D4}"/>
            </a:ext>
          </a:extLst>
        </xdr:cNvPr>
        <xdr:cNvSpPr txBox="1">
          <a:spLocks noChangeArrowheads="1"/>
        </xdr:cNvSpPr>
      </xdr:nvSpPr>
      <xdr:spPr bwMode="auto">
        <a:xfrm>
          <a:off x="12935788" y="21514035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5521</xdr:colOff>
      <xdr:row>54</xdr:row>
      <xdr:rowOff>246791</xdr:rowOff>
    </xdr:from>
    <xdr:to>
      <xdr:col>14</xdr:col>
      <xdr:colOff>456226</xdr:colOff>
      <xdr:row>55</xdr:row>
      <xdr:rowOff>207845</xdr:rowOff>
    </xdr:to>
    <xdr:sp macro="" textlink="">
      <xdr:nvSpPr>
        <xdr:cNvPr id="5" name="Text Box 8">
          <a:extLst>
            <a:ext uri="{FF2B5EF4-FFF2-40B4-BE49-F238E27FC236}">
              <a16:creationId xmlns:a16="http://schemas.microsoft.com/office/drawing/2014/main" id="{AC725CC1-8816-4984-8AC1-C925A4BD4A4E}"/>
            </a:ext>
          </a:extLst>
        </xdr:cNvPr>
        <xdr:cNvSpPr txBox="1">
          <a:spLocks noChangeArrowheads="1"/>
        </xdr:cNvSpPr>
      </xdr:nvSpPr>
      <xdr:spPr bwMode="auto">
        <a:xfrm>
          <a:off x="12949921" y="15768731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3</xdr:col>
      <xdr:colOff>605890</xdr:colOff>
      <xdr:row>65</xdr:row>
      <xdr:rowOff>127301</xdr:rowOff>
    </xdr:from>
    <xdr:to>
      <xdr:col>14</xdr:col>
      <xdr:colOff>456595</xdr:colOff>
      <xdr:row>66</xdr:row>
      <xdr:rowOff>88355</xdr:rowOff>
    </xdr:to>
    <xdr:sp macro="" textlink="">
      <xdr:nvSpPr>
        <xdr:cNvPr id="6" name="Text Box 10">
          <a:extLst>
            <a:ext uri="{FF2B5EF4-FFF2-40B4-BE49-F238E27FC236}">
              <a16:creationId xmlns:a16="http://schemas.microsoft.com/office/drawing/2014/main" id="{53FE17BA-6BCE-4C41-A1A1-733B822CDE10}"/>
            </a:ext>
          </a:extLst>
        </xdr:cNvPr>
        <xdr:cNvSpPr txBox="1">
          <a:spLocks noChangeArrowheads="1"/>
        </xdr:cNvSpPr>
      </xdr:nvSpPr>
      <xdr:spPr bwMode="auto">
        <a:xfrm>
          <a:off x="12950290" y="18834401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1004</xdr:colOff>
      <xdr:row>51</xdr:row>
      <xdr:rowOff>30305</xdr:rowOff>
    </xdr:from>
    <xdr:to>
      <xdr:col>8</xdr:col>
      <xdr:colOff>60095</xdr:colOff>
      <xdr:row>78</xdr:row>
      <xdr:rowOff>1259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DF8CB0A7-DD02-4CA4-A362-77BBAA173B1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3464</xdr:colOff>
      <xdr:row>51</xdr:row>
      <xdr:rowOff>68407</xdr:rowOff>
    </xdr:from>
    <xdr:to>
      <xdr:col>16</xdr:col>
      <xdr:colOff>1068014</xdr:colOff>
      <xdr:row>78</xdr:row>
      <xdr:rowOff>6457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2469802D-8E74-4476-921A-3D51D6CEBFD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1492</xdr:colOff>
      <xdr:row>65</xdr:row>
      <xdr:rowOff>34637</xdr:rowOff>
    </xdr:from>
    <xdr:to>
      <xdr:col>14</xdr:col>
      <xdr:colOff>441383</xdr:colOff>
      <xdr:row>65</xdr:row>
      <xdr:rowOff>286637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B3400CE4-DC0C-45D4-8DD6-94FF39C2E1AF}"/>
            </a:ext>
          </a:extLst>
        </xdr:cNvPr>
        <xdr:cNvSpPr txBox="1">
          <a:spLocks noChangeArrowheads="1"/>
        </xdr:cNvSpPr>
      </xdr:nvSpPr>
      <xdr:spPr bwMode="auto">
        <a:xfrm>
          <a:off x="12935892" y="18741737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08576</xdr:colOff>
      <xdr:row>74</xdr:row>
      <xdr:rowOff>143745</xdr:rowOff>
    </xdr:from>
    <xdr:to>
      <xdr:col>14</xdr:col>
      <xdr:colOff>458467</xdr:colOff>
      <xdr:row>75</xdr:row>
      <xdr:rowOff>106185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83BB8B75-6ECA-442E-B9EC-451AA5209715}"/>
            </a:ext>
          </a:extLst>
        </xdr:cNvPr>
        <xdr:cNvSpPr txBox="1">
          <a:spLocks noChangeArrowheads="1"/>
        </xdr:cNvSpPr>
      </xdr:nvSpPr>
      <xdr:spPr bwMode="auto">
        <a:xfrm>
          <a:off x="12952976" y="2145688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8808</xdr:colOff>
      <xdr:row>54</xdr:row>
      <xdr:rowOff>190200</xdr:rowOff>
    </xdr:from>
    <xdr:to>
      <xdr:col>14</xdr:col>
      <xdr:colOff>458699</xdr:colOff>
      <xdr:row>55</xdr:row>
      <xdr:rowOff>152640</xdr:rowOff>
    </xdr:to>
    <xdr:sp macro="" textlink="">
      <xdr:nvSpPr>
        <xdr:cNvPr id="6" name="Text Box 9">
          <a:extLst>
            <a:ext uri="{FF2B5EF4-FFF2-40B4-BE49-F238E27FC236}">
              <a16:creationId xmlns:a16="http://schemas.microsoft.com/office/drawing/2014/main" id="{8EF98484-A9C3-402D-B74F-66BF7EB2DCFD}"/>
            </a:ext>
          </a:extLst>
        </xdr:cNvPr>
        <xdr:cNvSpPr txBox="1">
          <a:spLocks noChangeArrowheads="1"/>
        </xdr:cNvSpPr>
      </xdr:nvSpPr>
      <xdr:spPr bwMode="auto">
        <a:xfrm>
          <a:off x="12953208" y="1571214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45473</xdr:colOff>
      <xdr:row>50</xdr:row>
      <xdr:rowOff>260640</xdr:rowOff>
    </xdr:from>
    <xdr:to>
      <xdr:col>8</xdr:col>
      <xdr:colOff>46241</xdr:colOff>
      <xdr:row>76</xdr:row>
      <xdr:rowOff>255840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C11BA5F4-7D2E-4B8B-A321-80AD3A4C180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89314</xdr:colOff>
      <xdr:row>51</xdr:row>
      <xdr:rowOff>20782</xdr:rowOff>
    </xdr:from>
    <xdr:to>
      <xdr:col>16</xdr:col>
      <xdr:colOff>953714</xdr:colOff>
      <xdr:row>77</xdr:row>
      <xdr:rowOff>15982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21F06508-2562-4358-A7BA-84612366756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0349</xdr:colOff>
      <xdr:row>66</xdr:row>
      <xdr:rowOff>109106</xdr:rowOff>
    </xdr:from>
    <xdr:to>
      <xdr:col>14</xdr:col>
      <xdr:colOff>451054</xdr:colOff>
      <xdr:row>67</xdr:row>
      <xdr:rowOff>70161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C529CB80-4295-4125-9C47-676E723C7594}"/>
            </a:ext>
          </a:extLst>
        </xdr:cNvPr>
        <xdr:cNvSpPr txBox="1">
          <a:spLocks noChangeArrowheads="1"/>
        </xdr:cNvSpPr>
      </xdr:nvSpPr>
      <xdr:spPr bwMode="auto">
        <a:xfrm>
          <a:off x="12944749" y="19105766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563794</xdr:colOff>
      <xdr:row>74</xdr:row>
      <xdr:rowOff>36061</xdr:rowOff>
    </xdr:from>
    <xdr:to>
      <xdr:col>14</xdr:col>
      <xdr:colOff>414499</xdr:colOff>
      <xdr:row>74</xdr:row>
      <xdr:rowOff>288061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306A84D8-9892-4EC2-842D-700AEF548FBB}"/>
            </a:ext>
          </a:extLst>
        </xdr:cNvPr>
        <xdr:cNvSpPr txBox="1">
          <a:spLocks noChangeArrowheads="1"/>
        </xdr:cNvSpPr>
      </xdr:nvSpPr>
      <xdr:spPr bwMode="auto">
        <a:xfrm>
          <a:off x="12908194" y="21349201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8104</xdr:colOff>
      <xdr:row>55</xdr:row>
      <xdr:rowOff>76200</xdr:rowOff>
    </xdr:from>
    <xdr:to>
      <xdr:col>14</xdr:col>
      <xdr:colOff>468809</xdr:colOff>
      <xdr:row>56</xdr:row>
      <xdr:rowOff>37255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097CE875-9628-47CC-B34A-32256B3F2207}"/>
            </a:ext>
          </a:extLst>
        </xdr:cNvPr>
        <xdr:cNvSpPr txBox="1">
          <a:spLocks noChangeArrowheads="1"/>
        </xdr:cNvSpPr>
      </xdr:nvSpPr>
      <xdr:spPr bwMode="auto">
        <a:xfrm>
          <a:off x="12962504" y="15887700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2904</xdr:colOff>
      <xdr:row>51</xdr:row>
      <xdr:rowOff>39831</xdr:rowOff>
    </xdr:from>
    <xdr:to>
      <xdr:col>7</xdr:col>
      <xdr:colOff>1021254</xdr:colOff>
      <xdr:row>77</xdr:row>
      <xdr:rowOff>35031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D629FBF6-40F5-47B5-8B1E-A88F9ADC69F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89314</xdr:colOff>
      <xdr:row>51</xdr:row>
      <xdr:rowOff>39832</xdr:rowOff>
    </xdr:from>
    <xdr:to>
      <xdr:col>16</xdr:col>
      <xdr:colOff>953714</xdr:colOff>
      <xdr:row>77</xdr:row>
      <xdr:rowOff>35032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29FFEFD3-537B-4678-8AC0-510B849E50B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8186</xdr:colOff>
      <xdr:row>67</xdr:row>
      <xdr:rowOff>610</xdr:rowOff>
    </xdr:from>
    <xdr:to>
      <xdr:col>14</xdr:col>
      <xdr:colOff>448891</xdr:colOff>
      <xdr:row>67</xdr:row>
      <xdr:rowOff>252610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E54DFB05-C86B-4F10-B7E9-E7A6500968C7}"/>
            </a:ext>
          </a:extLst>
        </xdr:cNvPr>
        <xdr:cNvSpPr txBox="1">
          <a:spLocks noChangeArrowheads="1"/>
        </xdr:cNvSpPr>
      </xdr:nvSpPr>
      <xdr:spPr bwMode="auto">
        <a:xfrm>
          <a:off x="12942586" y="19286830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55349</xdr:colOff>
      <xdr:row>74</xdr:row>
      <xdr:rowOff>166564</xdr:rowOff>
    </xdr:from>
    <xdr:to>
      <xdr:col>14</xdr:col>
      <xdr:colOff>506054</xdr:colOff>
      <xdr:row>75</xdr:row>
      <xdr:rowOff>127618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DB2DE0C1-92DD-40AE-96BA-CF97DA437FB2}"/>
            </a:ext>
          </a:extLst>
        </xdr:cNvPr>
        <xdr:cNvSpPr txBox="1">
          <a:spLocks noChangeArrowheads="1"/>
        </xdr:cNvSpPr>
      </xdr:nvSpPr>
      <xdr:spPr bwMode="auto">
        <a:xfrm>
          <a:off x="12999749" y="21479704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3814</xdr:colOff>
      <xdr:row>55</xdr:row>
      <xdr:rowOff>209555</xdr:rowOff>
    </xdr:from>
    <xdr:to>
      <xdr:col>14</xdr:col>
      <xdr:colOff>464519</xdr:colOff>
      <xdr:row>56</xdr:row>
      <xdr:rowOff>170610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615FEC8B-98D6-486D-8F16-E823AF5B54C6}"/>
            </a:ext>
          </a:extLst>
        </xdr:cNvPr>
        <xdr:cNvSpPr txBox="1">
          <a:spLocks noChangeArrowheads="1"/>
        </xdr:cNvSpPr>
      </xdr:nvSpPr>
      <xdr:spPr bwMode="auto">
        <a:xfrm>
          <a:off x="12958214" y="16021055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1954</xdr:colOff>
      <xdr:row>51</xdr:row>
      <xdr:rowOff>58881</xdr:rowOff>
    </xdr:from>
    <xdr:to>
      <xdr:col>7</xdr:col>
      <xdr:colOff>1040304</xdr:colOff>
      <xdr:row>77</xdr:row>
      <xdr:rowOff>54081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E810F3F5-45FC-4416-8912-B90E4804C2F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108364</xdr:colOff>
      <xdr:row>51</xdr:row>
      <xdr:rowOff>39832</xdr:rowOff>
    </xdr:from>
    <xdr:to>
      <xdr:col>16</xdr:col>
      <xdr:colOff>972764</xdr:colOff>
      <xdr:row>77</xdr:row>
      <xdr:rowOff>35032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B303BD96-D999-4352-8407-E8A874B4761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0341</xdr:colOff>
      <xdr:row>65</xdr:row>
      <xdr:rowOff>90055</xdr:rowOff>
    </xdr:from>
    <xdr:to>
      <xdr:col>14</xdr:col>
      <xdr:colOff>441046</xdr:colOff>
      <xdr:row>66</xdr:row>
      <xdr:rowOff>51109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6593BF3E-FCD5-40CC-90BE-21E6B5544CA6}"/>
            </a:ext>
          </a:extLst>
        </xdr:cNvPr>
        <xdr:cNvSpPr txBox="1">
          <a:spLocks noChangeArrowheads="1"/>
        </xdr:cNvSpPr>
      </xdr:nvSpPr>
      <xdr:spPr bwMode="auto">
        <a:xfrm>
          <a:off x="12934741" y="18797155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596579</xdr:colOff>
      <xdr:row>73</xdr:row>
      <xdr:rowOff>228601</xdr:rowOff>
    </xdr:from>
    <xdr:to>
      <xdr:col>14</xdr:col>
      <xdr:colOff>447284</xdr:colOff>
      <xdr:row>74</xdr:row>
      <xdr:rowOff>189656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B71CCAA1-2073-4731-83FC-26C6D36BC441}"/>
            </a:ext>
          </a:extLst>
        </xdr:cNvPr>
        <xdr:cNvSpPr txBox="1">
          <a:spLocks noChangeArrowheads="1"/>
        </xdr:cNvSpPr>
      </xdr:nvSpPr>
      <xdr:spPr bwMode="auto">
        <a:xfrm>
          <a:off x="12940979" y="21252181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5890</xdr:colOff>
      <xdr:row>54</xdr:row>
      <xdr:rowOff>270168</xdr:rowOff>
    </xdr:from>
    <xdr:to>
      <xdr:col>14</xdr:col>
      <xdr:colOff>456595</xdr:colOff>
      <xdr:row>55</xdr:row>
      <xdr:rowOff>231222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1EB6DE6D-DA9D-4232-A356-DA9E03792CAD}"/>
            </a:ext>
          </a:extLst>
        </xdr:cNvPr>
        <xdr:cNvSpPr txBox="1">
          <a:spLocks noChangeArrowheads="1"/>
        </xdr:cNvSpPr>
      </xdr:nvSpPr>
      <xdr:spPr bwMode="auto">
        <a:xfrm>
          <a:off x="12950290" y="15792108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0304</xdr:colOff>
      <xdr:row>51</xdr:row>
      <xdr:rowOff>20781</xdr:rowOff>
    </xdr:from>
    <xdr:to>
      <xdr:col>8</xdr:col>
      <xdr:colOff>19395</xdr:colOff>
      <xdr:row>77</xdr:row>
      <xdr:rowOff>286144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99DED9CF-3B5D-438D-9ED0-3C6AAE2328E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0</xdr:colOff>
      <xdr:row>51</xdr:row>
      <xdr:rowOff>51089</xdr:rowOff>
    </xdr:from>
    <xdr:to>
      <xdr:col>16</xdr:col>
      <xdr:colOff>1097454</xdr:colOff>
      <xdr:row>78</xdr:row>
      <xdr:rowOff>22043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E62877BA-E163-4057-8643-A8E90F6F3E5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2402</xdr:colOff>
      <xdr:row>75</xdr:row>
      <xdr:rowOff>120724</xdr:rowOff>
    </xdr:from>
    <xdr:to>
      <xdr:col>14</xdr:col>
      <xdr:colOff>452293</xdr:colOff>
      <xdr:row>76</xdr:row>
      <xdr:rowOff>83164</xdr:rowOff>
    </xdr:to>
    <xdr:sp macro="" textlink="">
      <xdr:nvSpPr>
        <xdr:cNvPr id="4" name="Text Box 7">
          <a:extLst>
            <a:ext uri="{FF2B5EF4-FFF2-40B4-BE49-F238E27FC236}">
              <a16:creationId xmlns:a16="http://schemas.microsoft.com/office/drawing/2014/main" id="{BE5F800D-6E56-435A-A0F9-98DE45B5ACDE}"/>
            </a:ext>
          </a:extLst>
        </xdr:cNvPr>
        <xdr:cNvSpPr txBox="1">
          <a:spLocks noChangeArrowheads="1"/>
        </xdr:cNvSpPr>
      </xdr:nvSpPr>
      <xdr:spPr bwMode="auto">
        <a:xfrm>
          <a:off x="12946802" y="21723424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9921</xdr:colOff>
      <xdr:row>56</xdr:row>
      <xdr:rowOff>132792</xdr:rowOff>
    </xdr:from>
    <xdr:to>
      <xdr:col>14</xdr:col>
      <xdr:colOff>459812</xdr:colOff>
      <xdr:row>57</xdr:row>
      <xdr:rowOff>95232</xdr:rowOff>
    </xdr:to>
    <xdr:sp macro="" textlink="">
      <xdr:nvSpPr>
        <xdr:cNvPr id="5" name="Text Box 9">
          <a:extLst>
            <a:ext uri="{FF2B5EF4-FFF2-40B4-BE49-F238E27FC236}">
              <a16:creationId xmlns:a16="http://schemas.microsoft.com/office/drawing/2014/main" id="{6C4A73EE-E790-4783-A121-0DA4A5FF2949}"/>
            </a:ext>
          </a:extLst>
        </xdr:cNvPr>
        <xdr:cNvSpPr txBox="1">
          <a:spLocks noChangeArrowheads="1"/>
        </xdr:cNvSpPr>
      </xdr:nvSpPr>
      <xdr:spPr bwMode="auto">
        <a:xfrm>
          <a:off x="12954321" y="16233852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3</xdr:col>
      <xdr:colOff>603248</xdr:colOff>
      <xdr:row>67</xdr:row>
      <xdr:rowOff>277960</xdr:rowOff>
    </xdr:from>
    <xdr:to>
      <xdr:col>14</xdr:col>
      <xdr:colOff>453139</xdr:colOff>
      <xdr:row>68</xdr:row>
      <xdr:rowOff>240400</xdr:rowOff>
    </xdr:to>
    <xdr:sp macro="" textlink="">
      <xdr:nvSpPr>
        <xdr:cNvPr id="6" name="Text Box 11">
          <a:extLst>
            <a:ext uri="{FF2B5EF4-FFF2-40B4-BE49-F238E27FC236}">
              <a16:creationId xmlns:a16="http://schemas.microsoft.com/office/drawing/2014/main" id="{CFB59880-DAD6-42E2-8E9E-A03E81BD69BA}"/>
            </a:ext>
          </a:extLst>
        </xdr:cNvPr>
        <xdr:cNvSpPr txBox="1">
          <a:spLocks noChangeArrowheads="1"/>
        </xdr:cNvSpPr>
      </xdr:nvSpPr>
      <xdr:spPr bwMode="auto">
        <a:xfrm>
          <a:off x="12947648" y="1956418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09104</xdr:colOff>
      <xdr:row>51</xdr:row>
      <xdr:rowOff>49357</xdr:rowOff>
    </xdr:from>
    <xdr:to>
      <xdr:col>7</xdr:col>
      <xdr:colOff>1097454</xdr:colOff>
      <xdr:row>77</xdr:row>
      <xdr:rowOff>44557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08445A8C-B4F2-4871-9A4F-62F433DDC65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22514</xdr:colOff>
      <xdr:row>51</xdr:row>
      <xdr:rowOff>58881</xdr:rowOff>
    </xdr:from>
    <xdr:to>
      <xdr:col>16</xdr:col>
      <xdr:colOff>1010864</xdr:colOff>
      <xdr:row>77</xdr:row>
      <xdr:rowOff>54081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5798EEBA-237D-4D27-B5E3-D9B05B8E58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85309</xdr:colOff>
      <xdr:row>68</xdr:row>
      <xdr:rowOff>65807</xdr:rowOff>
    </xdr:from>
    <xdr:to>
      <xdr:col>14</xdr:col>
      <xdr:colOff>436014</xdr:colOff>
      <xdr:row>69</xdr:row>
      <xdr:rowOff>26862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4D391506-89DB-469E-A4D2-48884F026FD5}"/>
            </a:ext>
          </a:extLst>
        </xdr:cNvPr>
        <xdr:cNvSpPr txBox="1">
          <a:spLocks noChangeArrowheads="1"/>
        </xdr:cNvSpPr>
      </xdr:nvSpPr>
      <xdr:spPr bwMode="auto">
        <a:xfrm>
          <a:off x="12929709" y="19641587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15608</xdr:colOff>
      <xdr:row>56</xdr:row>
      <xdr:rowOff>150668</xdr:rowOff>
    </xdr:from>
    <xdr:to>
      <xdr:col>14</xdr:col>
      <xdr:colOff>466313</xdr:colOff>
      <xdr:row>57</xdr:row>
      <xdr:rowOff>111722</xdr:rowOff>
    </xdr:to>
    <xdr:sp macro="" textlink="">
      <xdr:nvSpPr>
        <xdr:cNvPr id="5" name="Text Box 8">
          <a:extLst>
            <a:ext uri="{FF2B5EF4-FFF2-40B4-BE49-F238E27FC236}">
              <a16:creationId xmlns:a16="http://schemas.microsoft.com/office/drawing/2014/main" id="{E1AD7FF0-DAB0-4F9D-994B-C537F44B31A2}"/>
            </a:ext>
          </a:extLst>
        </xdr:cNvPr>
        <xdr:cNvSpPr txBox="1">
          <a:spLocks noChangeArrowheads="1"/>
        </xdr:cNvSpPr>
      </xdr:nvSpPr>
      <xdr:spPr bwMode="auto">
        <a:xfrm>
          <a:off x="12960008" y="16251728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3</xdr:col>
      <xdr:colOff>601864</xdr:colOff>
      <xdr:row>77</xdr:row>
      <xdr:rowOff>157473</xdr:rowOff>
    </xdr:from>
    <xdr:to>
      <xdr:col>14</xdr:col>
      <xdr:colOff>451755</xdr:colOff>
      <xdr:row>78</xdr:row>
      <xdr:rowOff>118528</xdr:rowOff>
    </xdr:to>
    <xdr:sp macro="" textlink="">
      <xdr:nvSpPr>
        <xdr:cNvPr id="6" name="Text Box 7">
          <a:extLst>
            <a:ext uri="{FF2B5EF4-FFF2-40B4-BE49-F238E27FC236}">
              <a16:creationId xmlns:a16="http://schemas.microsoft.com/office/drawing/2014/main" id="{BCEBFDFD-6719-4D22-B1EA-5FC00FCAD4A2}"/>
            </a:ext>
          </a:extLst>
        </xdr:cNvPr>
        <xdr:cNvSpPr txBox="1">
          <a:spLocks noChangeArrowheads="1"/>
        </xdr:cNvSpPr>
      </xdr:nvSpPr>
      <xdr:spPr bwMode="auto">
        <a:xfrm>
          <a:off x="12946264" y="22339293"/>
          <a:ext cx="794771" cy="250615"/>
        </a:xfrm>
        <a:prstGeom prst="rect">
          <a:avLst/>
        </a:prstGeom>
        <a:solidFill>
          <a:srgbClr val="FFFFFF"/>
        </a:solidFill>
        <a:ln>
          <a:solidFill>
            <a:sysClr val="windowText" lastClr="000000"/>
          </a:solidFill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886810</xdr:colOff>
      <xdr:row>74</xdr:row>
      <xdr:rowOff>291934</xdr:rowOff>
    </xdr:from>
    <xdr:to>
      <xdr:col>13</xdr:col>
      <xdr:colOff>886810</xdr:colOff>
      <xdr:row>77</xdr:row>
      <xdr:rowOff>136566</xdr:rowOff>
    </xdr:to>
    <xdr:cxnSp macro="">
      <xdr:nvCxnSpPr>
        <xdr:cNvPr id="7" name="直線矢印コネクタ 6">
          <a:extLst>
            <a:ext uri="{FF2B5EF4-FFF2-40B4-BE49-F238E27FC236}">
              <a16:creationId xmlns:a16="http://schemas.microsoft.com/office/drawing/2014/main" id="{EFFE4ABA-BF68-41FA-98D3-47E075B36B88}"/>
            </a:ext>
          </a:extLst>
        </xdr:cNvPr>
        <xdr:cNvCxnSpPr/>
      </xdr:nvCxnSpPr>
      <xdr:spPr bwMode="auto">
        <a:xfrm flipV="1">
          <a:off x="13231210" y="21605074"/>
          <a:ext cx="0" cy="713312"/>
        </a:xfrm>
        <a:prstGeom prst="straightConnector1">
          <a:avLst/>
        </a:pr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triangle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cxnSp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6589</xdr:colOff>
      <xdr:row>51</xdr:row>
      <xdr:rowOff>47623</xdr:rowOff>
    </xdr:from>
    <xdr:to>
      <xdr:col>8</xdr:col>
      <xdr:colOff>75680</xdr:colOff>
      <xdr:row>78</xdr:row>
      <xdr:rowOff>18577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1267C8D0-8743-4A10-B33B-975CFA8619A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04454</xdr:colOff>
      <xdr:row>51</xdr:row>
      <xdr:rowOff>55418</xdr:rowOff>
    </xdr:from>
    <xdr:to>
      <xdr:col>16</xdr:col>
      <xdr:colOff>945054</xdr:colOff>
      <xdr:row>78</xdr:row>
      <xdr:rowOff>3859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6BDE271D-E281-4C21-A1FE-3590A1D148A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2364</xdr:colOff>
      <xdr:row>71</xdr:row>
      <xdr:rowOff>65799</xdr:rowOff>
    </xdr:from>
    <xdr:to>
      <xdr:col>14</xdr:col>
      <xdr:colOff>442255</xdr:colOff>
      <xdr:row>72</xdr:row>
      <xdr:rowOff>28239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4E3020E7-7A6C-4684-B798-3302BFEEA506}"/>
            </a:ext>
          </a:extLst>
        </xdr:cNvPr>
        <xdr:cNvSpPr txBox="1">
          <a:spLocks noChangeArrowheads="1"/>
        </xdr:cNvSpPr>
      </xdr:nvSpPr>
      <xdr:spPr bwMode="auto">
        <a:xfrm>
          <a:off x="12936764" y="20510259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09950</xdr:colOff>
      <xdr:row>58</xdr:row>
      <xdr:rowOff>228601</xdr:rowOff>
    </xdr:from>
    <xdr:to>
      <xdr:col>14</xdr:col>
      <xdr:colOff>459841</xdr:colOff>
      <xdr:row>59</xdr:row>
      <xdr:rowOff>191041</xdr:rowOff>
    </xdr:to>
    <xdr:sp macro="" textlink="">
      <xdr:nvSpPr>
        <xdr:cNvPr id="5" name="Text Box 8">
          <a:extLst>
            <a:ext uri="{FF2B5EF4-FFF2-40B4-BE49-F238E27FC236}">
              <a16:creationId xmlns:a16="http://schemas.microsoft.com/office/drawing/2014/main" id="{12B8D726-D370-4779-92BA-5D88FAF4F41F}"/>
            </a:ext>
          </a:extLst>
        </xdr:cNvPr>
        <xdr:cNvSpPr txBox="1">
          <a:spLocks noChangeArrowheads="1"/>
        </xdr:cNvSpPr>
      </xdr:nvSpPr>
      <xdr:spPr bwMode="auto">
        <a:xfrm>
          <a:off x="12954350" y="16908781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3</xdr:col>
      <xdr:colOff>584037</xdr:colOff>
      <xdr:row>75</xdr:row>
      <xdr:rowOff>79969</xdr:rowOff>
    </xdr:from>
    <xdr:to>
      <xdr:col>14</xdr:col>
      <xdr:colOff>433928</xdr:colOff>
      <xdr:row>76</xdr:row>
      <xdr:rowOff>42409</xdr:rowOff>
    </xdr:to>
    <xdr:sp macro="" textlink="">
      <xdr:nvSpPr>
        <xdr:cNvPr id="6" name="Text Box 7">
          <a:extLst>
            <a:ext uri="{FF2B5EF4-FFF2-40B4-BE49-F238E27FC236}">
              <a16:creationId xmlns:a16="http://schemas.microsoft.com/office/drawing/2014/main" id="{B74780AE-73C9-439A-B7C6-139D2509E17F}"/>
            </a:ext>
          </a:extLst>
        </xdr:cNvPr>
        <xdr:cNvSpPr txBox="1">
          <a:spLocks noChangeArrowheads="1"/>
        </xdr:cNvSpPr>
      </xdr:nvSpPr>
      <xdr:spPr bwMode="auto">
        <a:xfrm>
          <a:off x="12928437" y="21682669"/>
          <a:ext cx="794771" cy="25200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2829</v>
          </cell>
          <cell r="H26">
            <v>2537</v>
          </cell>
          <cell r="I26">
            <v>2308</v>
          </cell>
          <cell r="J26">
            <v>2274</v>
          </cell>
          <cell r="K26">
            <v>2219</v>
          </cell>
          <cell r="L26">
            <v>2189</v>
          </cell>
          <cell r="M26">
            <v>2128</v>
          </cell>
          <cell r="N26">
            <v>2078</v>
          </cell>
          <cell r="O26">
            <v>2005</v>
          </cell>
          <cell r="P26">
            <v>1946</v>
          </cell>
          <cell r="Q26">
            <v>1892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266</v>
          </cell>
          <cell r="H31">
            <v>274</v>
          </cell>
          <cell r="I31">
            <v>229</v>
          </cell>
          <cell r="J31">
            <v>223</v>
          </cell>
          <cell r="K31">
            <v>202</v>
          </cell>
          <cell r="L31">
            <v>196</v>
          </cell>
          <cell r="M31">
            <v>190</v>
          </cell>
          <cell r="N31">
            <v>183</v>
          </cell>
          <cell r="O31">
            <v>161</v>
          </cell>
          <cell r="P31">
            <v>145</v>
          </cell>
          <cell r="Q31">
            <v>141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1707</v>
          </cell>
          <cell r="H32">
            <v>1370</v>
          </cell>
          <cell r="I32">
            <v>1126</v>
          </cell>
          <cell r="J32">
            <v>1094</v>
          </cell>
          <cell r="K32">
            <v>1058</v>
          </cell>
          <cell r="L32">
            <v>1042</v>
          </cell>
          <cell r="M32">
            <v>989</v>
          </cell>
          <cell r="N32">
            <v>953</v>
          </cell>
          <cell r="O32">
            <v>908</v>
          </cell>
          <cell r="P32">
            <v>886</v>
          </cell>
          <cell r="Q32">
            <v>858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856</v>
          </cell>
          <cell r="H33">
            <v>893</v>
          </cell>
          <cell r="I33">
            <v>953</v>
          </cell>
          <cell r="J33">
            <v>957</v>
          </cell>
          <cell r="K33">
            <v>959</v>
          </cell>
          <cell r="L33">
            <v>951</v>
          </cell>
          <cell r="M33">
            <v>949</v>
          </cell>
          <cell r="N33">
            <v>942</v>
          </cell>
          <cell r="O33">
            <v>936</v>
          </cell>
          <cell r="P33">
            <v>915</v>
          </cell>
          <cell r="Q33">
            <v>893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1332</v>
          </cell>
          <cell r="H105">
            <v>1177</v>
          </cell>
          <cell r="I105">
            <v>1091</v>
          </cell>
          <cell r="J105">
            <v>1082</v>
          </cell>
          <cell r="K105">
            <v>1063</v>
          </cell>
          <cell r="L105">
            <v>1040</v>
          </cell>
          <cell r="M105">
            <v>1019</v>
          </cell>
          <cell r="N105">
            <v>998</v>
          </cell>
          <cell r="O105">
            <v>954</v>
          </cell>
          <cell r="P105">
            <v>934</v>
          </cell>
          <cell r="Q105">
            <v>914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1497</v>
          </cell>
          <cell r="H151">
            <v>1360</v>
          </cell>
          <cell r="I151">
            <v>1217</v>
          </cell>
          <cell r="J151">
            <v>1192</v>
          </cell>
          <cell r="K151">
            <v>1156</v>
          </cell>
          <cell r="L151">
            <v>1149</v>
          </cell>
          <cell r="M151">
            <v>1109</v>
          </cell>
          <cell r="N151">
            <v>1080</v>
          </cell>
          <cell r="O151">
            <v>1051</v>
          </cell>
          <cell r="P151">
            <v>1012</v>
          </cell>
          <cell r="Q151">
            <v>978</v>
          </cell>
        </row>
      </sheetData>
      <sheetData sheetId="73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7506</v>
          </cell>
          <cell r="H26">
            <v>7465</v>
          </cell>
          <cell r="I26">
            <v>7388</v>
          </cell>
          <cell r="J26">
            <v>7354</v>
          </cell>
          <cell r="K26">
            <v>7334</v>
          </cell>
          <cell r="L26">
            <v>7275</v>
          </cell>
          <cell r="M26">
            <v>7175</v>
          </cell>
          <cell r="N26">
            <v>7073</v>
          </cell>
          <cell r="O26">
            <v>6949</v>
          </cell>
          <cell r="P26">
            <v>6887</v>
          </cell>
          <cell r="Q26">
            <v>6732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105</v>
          </cell>
          <cell r="H31">
            <v>1044</v>
          </cell>
          <cell r="I31">
            <v>892</v>
          </cell>
          <cell r="J31">
            <v>869</v>
          </cell>
          <cell r="K31">
            <v>838</v>
          </cell>
          <cell r="L31">
            <v>801</v>
          </cell>
          <cell r="M31">
            <v>764</v>
          </cell>
          <cell r="N31">
            <v>725</v>
          </cell>
          <cell r="O31">
            <v>683</v>
          </cell>
          <cell r="P31">
            <v>661</v>
          </cell>
          <cell r="Q31">
            <v>618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4760</v>
          </cell>
          <cell r="H32">
            <v>4593</v>
          </cell>
          <cell r="I32">
            <v>4381</v>
          </cell>
          <cell r="J32">
            <v>4334</v>
          </cell>
          <cell r="K32">
            <v>4307</v>
          </cell>
          <cell r="L32">
            <v>4261</v>
          </cell>
          <cell r="M32">
            <v>4182</v>
          </cell>
          <cell r="N32">
            <v>4103</v>
          </cell>
          <cell r="O32">
            <v>4006</v>
          </cell>
          <cell r="P32">
            <v>3968</v>
          </cell>
          <cell r="Q32">
            <v>3855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1641</v>
          </cell>
          <cell r="H33">
            <v>1828</v>
          </cell>
          <cell r="I33">
            <v>2115</v>
          </cell>
          <cell r="J33">
            <v>2151</v>
          </cell>
          <cell r="K33">
            <v>2189</v>
          </cell>
          <cell r="L33">
            <v>2213</v>
          </cell>
          <cell r="M33">
            <v>2229</v>
          </cell>
          <cell r="N33">
            <v>2245</v>
          </cell>
          <cell r="O33">
            <v>2260</v>
          </cell>
          <cell r="P33">
            <v>2258</v>
          </cell>
          <cell r="Q33">
            <v>2259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3726</v>
          </cell>
          <cell r="H105">
            <v>3709</v>
          </cell>
          <cell r="I105">
            <v>3628</v>
          </cell>
          <cell r="J105">
            <v>3624</v>
          </cell>
          <cell r="K105">
            <v>3648</v>
          </cell>
          <cell r="L105">
            <v>3635</v>
          </cell>
          <cell r="M105">
            <v>3589</v>
          </cell>
          <cell r="N105">
            <v>3543</v>
          </cell>
          <cell r="O105">
            <v>3484</v>
          </cell>
          <cell r="P105">
            <v>3446</v>
          </cell>
          <cell r="Q105">
            <v>3378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3780</v>
          </cell>
          <cell r="H151">
            <v>3756</v>
          </cell>
          <cell r="I151">
            <v>3760</v>
          </cell>
          <cell r="J151">
            <v>3730</v>
          </cell>
          <cell r="K151">
            <v>3686</v>
          </cell>
          <cell r="L151">
            <v>3640</v>
          </cell>
          <cell r="M151">
            <v>3586</v>
          </cell>
          <cell r="N151">
            <v>3530</v>
          </cell>
          <cell r="O151">
            <v>3465</v>
          </cell>
          <cell r="P151">
            <v>3441</v>
          </cell>
          <cell r="Q151">
            <v>3354</v>
          </cell>
        </row>
      </sheetData>
      <sheetData sheetId="74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7299</v>
          </cell>
          <cell r="H26">
            <v>7277</v>
          </cell>
          <cell r="I26">
            <v>7173</v>
          </cell>
          <cell r="J26">
            <v>7143</v>
          </cell>
          <cell r="K26">
            <v>7125</v>
          </cell>
          <cell r="L26">
            <v>7062</v>
          </cell>
          <cell r="M26">
            <v>6977</v>
          </cell>
          <cell r="N26">
            <v>6930</v>
          </cell>
          <cell r="O26">
            <v>6822</v>
          </cell>
          <cell r="P26">
            <v>6680</v>
          </cell>
          <cell r="Q26">
            <v>6591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128</v>
          </cell>
          <cell r="H31">
            <v>1122</v>
          </cell>
          <cell r="I31">
            <v>960</v>
          </cell>
          <cell r="J31">
            <v>922</v>
          </cell>
          <cell r="K31">
            <v>904</v>
          </cell>
          <cell r="L31">
            <v>874</v>
          </cell>
          <cell r="M31">
            <v>836</v>
          </cell>
          <cell r="N31">
            <v>812</v>
          </cell>
          <cell r="O31">
            <v>767</v>
          </cell>
          <cell r="P31">
            <v>718</v>
          </cell>
          <cell r="Q31">
            <v>667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4641</v>
          </cell>
          <cell r="H32">
            <v>4506</v>
          </cell>
          <cell r="I32">
            <v>4223</v>
          </cell>
          <cell r="J32">
            <v>4177</v>
          </cell>
          <cell r="K32">
            <v>4123</v>
          </cell>
          <cell r="L32">
            <v>4057</v>
          </cell>
          <cell r="M32">
            <v>3981</v>
          </cell>
          <cell r="N32">
            <v>3922</v>
          </cell>
          <cell r="O32">
            <v>3842</v>
          </cell>
          <cell r="P32">
            <v>3735</v>
          </cell>
          <cell r="Q32">
            <v>3705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1530</v>
          </cell>
          <cell r="H33">
            <v>1649</v>
          </cell>
          <cell r="I33">
            <v>1990</v>
          </cell>
          <cell r="J33">
            <v>2044</v>
          </cell>
          <cell r="K33">
            <v>2098</v>
          </cell>
          <cell r="L33">
            <v>2131</v>
          </cell>
          <cell r="M33">
            <v>2160</v>
          </cell>
          <cell r="N33">
            <v>2196</v>
          </cell>
          <cell r="O33">
            <v>2213</v>
          </cell>
          <cell r="P33">
            <v>2227</v>
          </cell>
          <cell r="Q33">
            <v>2219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3573</v>
          </cell>
          <cell r="H105">
            <v>3584</v>
          </cell>
          <cell r="I105">
            <v>3500</v>
          </cell>
          <cell r="J105">
            <v>3484</v>
          </cell>
          <cell r="K105">
            <v>3483</v>
          </cell>
          <cell r="L105">
            <v>3448</v>
          </cell>
          <cell r="M105">
            <v>3393</v>
          </cell>
          <cell r="N105">
            <v>3376</v>
          </cell>
          <cell r="O105">
            <v>3320</v>
          </cell>
          <cell r="P105">
            <v>3274</v>
          </cell>
          <cell r="Q105">
            <v>3233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3726</v>
          </cell>
          <cell r="H151">
            <v>3693</v>
          </cell>
          <cell r="I151">
            <v>3673</v>
          </cell>
          <cell r="J151">
            <v>3659</v>
          </cell>
          <cell r="K151">
            <v>3642</v>
          </cell>
          <cell r="L151">
            <v>3614</v>
          </cell>
          <cell r="M151">
            <v>3584</v>
          </cell>
          <cell r="N151">
            <v>3554</v>
          </cell>
          <cell r="O151">
            <v>3502</v>
          </cell>
          <cell r="P151">
            <v>3406</v>
          </cell>
          <cell r="Q151">
            <v>3358</v>
          </cell>
        </row>
      </sheetData>
      <sheetData sheetId="75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1054</v>
          </cell>
          <cell r="H26">
            <v>962</v>
          </cell>
          <cell r="I26">
            <v>873</v>
          </cell>
          <cell r="J26">
            <v>870</v>
          </cell>
          <cell r="K26">
            <v>841</v>
          </cell>
          <cell r="L26">
            <v>832</v>
          </cell>
          <cell r="M26">
            <v>824</v>
          </cell>
          <cell r="N26">
            <v>799</v>
          </cell>
          <cell r="O26">
            <v>779</v>
          </cell>
          <cell r="P26">
            <v>759</v>
          </cell>
          <cell r="Q26">
            <v>742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20</v>
          </cell>
          <cell r="H31">
            <v>83</v>
          </cell>
          <cell r="I31">
            <v>80</v>
          </cell>
          <cell r="J31">
            <v>78</v>
          </cell>
          <cell r="K31">
            <v>74</v>
          </cell>
          <cell r="L31">
            <v>76</v>
          </cell>
          <cell r="M31">
            <v>77</v>
          </cell>
          <cell r="N31">
            <v>68</v>
          </cell>
          <cell r="O31">
            <v>61</v>
          </cell>
          <cell r="P31">
            <v>59</v>
          </cell>
          <cell r="Q31">
            <v>53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628</v>
          </cell>
          <cell r="H32">
            <v>561</v>
          </cell>
          <cell r="I32">
            <v>461</v>
          </cell>
          <cell r="J32">
            <v>457</v>
          </cell>
          <cell r="K32">
            <v>435</v>
          </cell>
          <cell r="L32">
            <v>421</v>
          </cell>
          <cell r="M32">
            <v>402</v>
          </cell>
          <cell r="N32">
            <v>381</v>
          </cell>
          <cell r="O32">
            <v>361</v>
          </cell>
          <cell r="P32">
            <v>346</v>
          </cell>
          <cell r="Q32">
            <v>331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306</v>
          </cell>
          <cell r="H33">
            <v>318</v>
          </cell>
          <cell r="I33">
            <v>332</v>
          </cell>
          <cell r="J33">
            <v>335</v>
          </cell>
          <cell r="K33">
            <v>332</v>
          </cell>
          <cell r="L33">
            <v>335</v>
          </cell>
          <cell r="M33">
            <v>345</v>
          </cell>
          <cell r="N33">
            <v>350</v>
          </cell>
          <cell r="O33">
            <v>357</v>
          </cell>
          <cell r="P33">
            <v>354</v>
          </cell>
          <cell r="Q33">
            <v>358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514</v>
          </cell>
          <cell r="H105">
            <v>466</v>
          </cell>
          <cell r="I105">
            <v>416</v>
          </cell>
          <cell r="J105">
            <v>409</v>
          </cell>
          <cell r="K105">
            <v>394</v>
          </cell>
          <cell r="L105">
            <v>387</v>
          </cell>
          <cell r="M105">
            <v>382</v>
          </cell>
          <cell r="N105">
            <v>377</v>
          </cell>
          <cell r="O105">
            <v>372</v>
          </cell>
          <cell r="P105">
            <v>360</v>
          </cell>
          <cell r="Q105">
            <v>352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540</v>
          </cell>
          <cell r="H151">
            <v>496</v>
          </cell>
          <cell r="I151">
            <v>457</v>
          </cell>
          <cell r="J151">
            <v>461</v>
          </cell>
          <cell r="K151">
            <v>447</v>
          </cell>
          <cell r="L151">
            <v>445</v>
          </cell>
          <cell r="M151">
            <v>442</v>
          </cell>
          <cell r="N151">
            <v>422</v>
          </cell>
          <cell r="O151">
            <v>407</v>
          </cell>
          <cell r="P151">
            <v>399</v>
          </cell>
          <cell r="Q151">
            <v>390</v>
          </cell>
        </row>
      </sheetData>
      <sheetData sheetId="76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635</v>
          </cell>
          <cell r="H26">
            <v>574</v>
          </cell>
          <cell r="I26">
            <v>500</v>
          </cell>
          <cell r="J26">
            <v>472</v>
          </cell>
          <cell r="K26">
            <v>461</v>
          </cell>
          <cell r="L26">
            <v>444</v>
          </cell>
          <cell r="M26">
            <v>418</v>
          </cell>
          <cell r="N26">
            <v>405</v>
          </cell>
          <cell r="O26">
            <v>388</v>
          </cell>
          <cell r="P26">
            <v>373</v>
          </cell>
          <cell r="Q26">
            <v>37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81</v>
          </cell>
          <cell r="H31">
            <v>69</v>
          </cell>
          <cell r="I31">
            <v>41</v>
          </cell>
          <cell r="J31">
            <v>30</v>
          </cell>
          <cell r="K31">
            <v>25</v>
          </cell>
          <cell r="L31">
            <v>25</v>
          </cell>
          <cell r="M31">
            <v>17</v>
          </cell>
          <cell r="N31">
            <v>14</v>
          </cell>
          <cell r="O31">
            <v>12</v>
          </cell>
          <cell r="P31">
            <v>15</v>
          </cell>
          <cell r="Q31">
            <v>9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351</v>
          </cell>
          <cell r="H32">
            <v>316</v>
          </cell>
          <cell r="I32">
            <v>271</v>
          </cell>
          <cell r="J32">
            <v>245</v>
          </cell>
          <cell r="K32">
            <v>241</v>
          </cell>
          <cell r="L32">
            <v>223</v>
          </cell>
          <cell r="M32">
            <v>199</v>
          </cell>
          <cell r="N32">
            <v>198</v>
          </cell>
          <cell r="O32">
            <v>181</v>
          </cell>
          <cell r="P32">
            <v>173</v>
          </cell>
          <cell r="Q32">
            <v>182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203</v>
          </cell>
          <cell r="H33">
            <v>189</v>
          </cell>
          <cell r="I33">
            <v>188</v>
          </cell>
          <cell r="J33">
            <v>197</v>
          </cell>
          <cell r="K33">
            <v>195</v>
          </cell>
          <cell r="L33">
            <v>196</v>
          </cell>
          <cell r="M33">
            <v>202</v>
          </cell>
          <cell r="N33">
            <v>193</v>
          </cell>
          <cell r="O33">
            <v>195</v>
          </cell>
          <cell r="P33">
            <v>185</v>
          </cell>
          <cell r="Q33">
            <v>183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301</v>
          </cell>
          <cell r="H105">
            <v>279</v>
          </cell>
          <cell r="I105">
            <v>236</v>
          </cell>
          <cell r="J105">
            <v>229</v>
          </cell>
          <cell r="K105">
            <v>222</v>
          </cell>
          <cell r="L105">
            <v>210</v>
          </cell>
          <cell r="M105">
            <v>195</v>
          </cell>
          <cell r="N105">
            <v>185</v>
          </cell>
          <cell r="O105">
            <v>173</v>
          </cell>
          <cell r="P105">
            <v>164</v>
          </cell>
          <cell r="Q105">
            <v>179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334</v>
          </cell>
          <cell r="H151">
            <v>295</v>
          </cell>
          <cell r="I151">
            <v>264</v>
          </cell>
          <cell r="J151">
            <v>243</v>
          </cell>
          <cell r="K151">
            <v>239</v>
          </cell>
          <cell r="L151">
            <v>234</v>
          </cell>
          <cell r="M151">
            <v>223</v>
          </cell>
          <cell r="N151">
            <v>220</v>
          </cell>
          <cell r="O151">
            <v>215</v>
          </cell>
          <cell r="P151">
            <v>209</v>
          </cell>
          <cell r="Q151">
            <v>195</v>
          </cell>
        </row>
      </sheetData>
      <sheetData sheetId="77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1627</v>
          </cell>
          <cell r="H26">
            <v>1407</v>
          </cell>
          <cell r="I26">
            <v>1259</v>
          </cell>
          <cell r="J26">
            <v>1246</v>
          </cell>
          <cell r="K26">
            <v>1253</v>
          </cell>
          <cell r="L26">
            <v>1243</v>
          </cell>
          <cell r="M26">
            <v>1207</v>
          </cell>
          <cell r="N26">
            <v>1183</v>
          </cell>
          <cell r="O26">
            <v>1163</v>
          </cell>
          <cell r="P26">
            <v>1128</v>
          </cell>
          <cell r="Q26">
            <v>1107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229</v>
          </cell>
          <cell r="H31">
            <v>193</v>
          </cell>
          <cell r="I31">
            <v>156</v>
          </cell>
          <cell r="J31">
            <v>149</v>
          </cell>
          <cell r="K31">
            <v>147</v>
          </cell>
          <cell r="L31">
            <v>140</v>
          </cell>
          <cell r="M31">
            <v>121</v>
          </cell>
          <cell r="N31">
            <v>112</v>
          </cell>
          <cell r="O31">
            <v>104</v>
          </cell>
          <cell r="P31">
            <v>100</v>
          </cell>
          <cell r="Q31">
            <v>93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1048</v>
          </cell>
          <cell r="H32">
            <v>867</v>
          </cell>
          <cell r="I32">
            <v>713</v>
          </cell>
          <cell r="J32">
            <v>694</v>
          </cell>
          <cell r="K32">
            <v>690</v>
          </cell>
          <cell r="L32">
            <v>671</v>
          </cell>
          <cell r="M32">
            <v>646</v>
          </cell>
          <cell r="N32">
            <v>626</v>
          </cell>
          <cell r="O32">
            <v>619</v>
          </cell>
          <cell r="P32">
            <v>593</v>
          </cell>
          <cell r="Q32">
            <v>575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350</v>
          </cell>
          <cell r="H33">
            <v>347</v>
          </cell>
          <cell r="I33">
            <v>390</v>
          </cell>
          <cell r="J33">
            <v>403</v>
          </cell>
          <cell r="K33">
            <v>416</v>
          </cell>
          <cell r="L33">
            <v>432</v>
          </cell>
          <cell r="M33">
            <v>440</v>
          </cell>
          <cell r="N33">
            <v>445</v>
          </cell>
          <cell r="O33">
            <v>440</v>
          </cell>
          <cell r="P33">
            <v>435</v>
          </cell>
          <cell r="Q33">
            <v>439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788</v>
          </cell>
          <cell r="H105">
            <v>674</v>
          </cell>
          <cell r="I105">
            <v>587</v>
          </cell>
          <cell r="J105">
            <v>582</v>
          </cell>
          <cell r="K105">
            <v>587</v>
          </cell>
          <cell r="L105">
            <v>587</v>
          </cell>
          <cell r="M105">
            <v>576</v>
          </cell>
          <cell r="N105">
            <v>558</v>
          </cell>
          <cell r="O105">
            <v>548</v>
          </cell>
          <cell r="P105">
            <v>533</v>
          </cell>
          <cell r="Q105">
            <v>516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839</v>
          </cell>
          <cell r="H151">
            <v>733</v>
          </cell>
          <cell r="I151">
            <v>672</v>
          </cell>
          <cell r="J151">
            <v>664</v>
          </cell>
          <cell r="K151">
            <v>666</v>
          </cell>
          <cell r="L151">
            <v>656</v>
          </cell>
          <cell r="M151">
            <v>631</v>
          </cell>
          <cell r="N151">
            <v>625</v>
          </cell>
          <cell r="O151">
            <v>615</v>
          </cell>
          <cell r="P151">
            <v>595</v>
          </cell>
          <cell r="Q151">
            <v>591</v>
          </cell>
        </row>
      </sheetData>
      <sheetData sheetId="78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1011</v>
          </cell>
          <cell r="H26">
            <v>938</v>
          </cell>
          <cell r="I26">
            <v>804</v>
          </cell>
          <cell r="J26">
            <v>793</v>
          </cell>
          <cell r="K26">
            <v>780</v>
          </cell>
          <cell r="L26">
            <v>757</v>
          </cell>
          <cell r="M26">
            <v>738</v>
          </cell>
          <cell r="N26">
            <v>714</v>
          </cell>
          <cell r="O26">
            <v>688</v>
          </cell>
          <cell r="P26">
            <v>659</v>
          </cell>
          <cell r="Q26">
            <v>602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90</v>
          </cell>
          <cell r="H31">
            <v>78</v>
          </cell>
          <cell r="I31">
            <v>51</v>
          </cell>
          <cell r="J31">
            <v>49</v>
          </cell>
          <cell r="K31">
            <v>47</v>
          </cell>
          <cell r="L31">
            <v>44</v>
          </cell>
          <cell r="M31">
            <v>42</v>
          </cell>
          <cell r="N31">
            <v>37</v>
          </cell>
          <cell r="O31">
            <v>28</v>
          </cell>
          <cell r="P31">
            <v>22</v>
          </cell>
          <cell r="Q31">
            <v>18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565</v>
          </cell>
          <cell r="H32">
            <v>509</v>
          </cell>
          <cell r="I32">
            <v>413</v>
          </cell>
          <cell r="J32">
            <v>396</v>
          </cell>
          <cell r="K32">
            <v>383</v>
          </cell>
          <cell r="L32">
            <v>356</v>
          </cell>
          <cell r="M32">
            <v>335</v>
          </cell>
          <cell r="N32">
            <v>312</v>
          </cell>
          <cell r="O32">
            <v>297</v>
          </cell>
          <cell r="P32">
            <v>275</v>
          </cell>
          <cell r="Q32">
            <v>260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356</v>
          </cell>
          <cell r="H33">
            <v>351</v>
          </cell>
          <cell r="I33">
            <v>340</v>
          </cell>
          <cell r="J33">
            <v>348</v>
          </cell>
          <cell r="K33">
            <v>350</v>
          </cell>
          <cell r="L33">
            <v>357</v>
          </cell>
          <cell r="M33">
            <v>361</v>
          </cell>
          <cell r="N33">
            <v>365</v>
          </cell>
          <cell r="O33">
            <v>363</v>
          </cell>
          <cell r="P33">
            <v>362</v>
          </cell>
          <cell r="Q33">
            <v>324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470</v>
          </cell>
          <cell r="H105">
            <v>445</v>
          </cell>
          <cell r="I105">
            <v>393</v>
          </cell>
          <cell r="J105">
            <v>388</v>
          </cell>
          <cell r="K105">
            <v>379</v>
          </cell>
          <cell r="L105">
            <v>366</v>
          </cell>
          <cell r="M105">
            <v>357</v>
          </cell>
          <cell r="N105">
            <v>346</v>
          </cell>
          <cell r="O105">
            <v>332</v>
          </cell>
          <cell r="P105">
            <v>317</v>
          </cell>
          <cell r="Q105">
            <v>301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541</v>
          </cell>
          <cell r="H151">
            <v>493</v>
          </cell>
          <cell r="I151">
            <v>411</v>
          </cell>
          <cell r="J151">
            <v>405</v>
          </cell>
          <cell r="K151">
            <v>401</v>
          </cell>
          <cell r="L151">
            <v>391</v>
          </cell>
          <cell r="M151">
            <v>381</v>
          </cell>
          <cell r="N151">
            <v>368</v>
          </cell>
          <cell r="O151">
            <v>356</v>
          </cell>
          <cell r="P151">
            <v>342</v>
          </cell>
          <cell r="Q151">
            <v>301</v>
          </cell>
        </row>
      </sheetData>
      <sheetData sheetId="79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271</v>
          </cell>
          <cell r="H26">
            <v>243</v>
          </cell>
          <cell r="I26">
            <v>203</v>
          </cell>
          <cell r="J26">
            <v>201</v>
          </cell>
          <cell r="K26">
            <v>191</v>
          </cell>
          <cell r="L26">
            <v>182</v>
          </cell>
          <cell r="M26">
            <v>173</v>
          </cell>
          <cell r="N26">
            <v>161</v>
          </cell>
          <cell r="O26">
            <v>146</v>
          </cell>
          <cell r="P26">
            <v>138</v>
          </cell>
          <cell r="Q26">
            <v>13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8</v>
          </cell>
          <cell r="H31">
            <v>14</v>
          </cell>
          <cell r="I31">
            <v>12</v>
          </cell>
          <cell r="J31">
            <v>9</v>
          </cell>
          <cell r="K31">
            <v>10</v>
          </cell>
          <cell r="L31">
            <v>7</v>
          </cell>
          <cell r="M31">
            <v>6</v>
          </cell>
          <cell r="N31">
            <v>5</v>
          </cell>
          <cell r="O31">
            <v>3</v>
          </cell>
          <cell r="P31">
            <v>3</v>
          </cell>
          <cell r="Q31">
            <v>3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145</v>
          </cell>
          <cell r="H32">
            <v>129</v>
          </cell>
          <cell r="I32">
            <v>95</v>
          </cell>
          <cell r="J32">
            <v>95</v>
          </cell>
          <cell r="K32">
            <v>86</v>
          </cell>
          <cell r="L32">
            <v>82</v>
          </cell>
          <cell r="M32">
            <v>74</v>
          </cell>
          <cell r="N32">
            <v>66</v>
          </cell>
          <cell r="O32">
            <v>56</v>
          </cell>
          <cell r="P32">
            <v>45</v>
          </cell>
          <cell r="Q32">
            <v>45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108</v>
          </cell>
          <cell r="H33">
            <v>100</v>
          </cell>
          <cell r="I33">
            <v>96</v>
          </cell>
          <cell r="J33">
            <v>97</v>
          </cell>
          <cell r="K33">
            <v>95</v>
          </cell>
          <cell r="L33">
            <v>93</v>
          </cell>
          <cell r="M33">
            <v>93</v>
          </cell>
          <cell r="N33">
            <v>90</v>
          </cell>
          <cell r="O33">
            <v>87</v>
          </cell>
          <cell r="P33">
            <v>90</v>
          </cell>
          <cell r="Q33">
            <v>86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137</v>
          </cell>
          <cell r="H105">
            <v>121</v>
          </cell>
          <cell r="I105">
            <v>95</v>
          </cell>
          <cell r="J105">
            <v>93</v>
          </cell>
          <cell r="K105">
            <v>84</v>
          </cell>
          <cell r="L105">
            <v>79</v>
          </cell>
          <cell r="M105">
            <v>77</v>
          </cell>
          <cell r="N105">
            <v>70</v>
          </cell>
          <cell r="O105">
            <v>66</v>
          </cell>
          <cell r="P105">
            <v>63</v>
          </cell>
          <cell r="Q105">
            <v>62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134</v>
          </cell>
          <cell r="H151">
            <v>122</v>
          </cell>
          <cell r="I151">
            <v>108</v>
          </cell>
          <cell r="J151">
            <v>108</v>
          </cell>
          <cell r="K151">
            <v>107</v>
          </cell>
          <cell r="L151">
            <v>103</v>
          </cell>
          <cell r="M151">
            <v>96</v>
          </cell>
          <cell r="N151">
            <v>91</v>
          </cell>
          <cell r="O151">
            <v>80</v>
          </cell>
          <cell r="P151">
            <v>75</v>
          </cell>
          <cell r="Q151">
            <v>72</v>
          </cell>
        </row>
      </sheetData>
      <sheetData sheetId="80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86</v>
          </cell>
          <cell r="H26">
            <v>70</v>
          </cell>
          <cell r="I26">
            <v>60</v>
          </cell>
          <cell r="J26">
            <v>63</v>
          </cell>
          <cell r="K26">
            <v>61</v>
          </cell>
          <cell r="L26">
            <v>57</v>
          </cell>
          <cell r="M26">
            <v>53</v>
          </cell>
          <cell r="N26">
            <v>48</v>
          </cell>
          <cell r="O26">
            <v>50</v>
          </cell>
          <cell r="P26">
            <v>48</v>
          </cell>
          <cell r="Q26">
            <v>46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3</v>
          </cell>
          <cell r="H31">
            <v>2</v>
          </cell>
          <cell r="I31">
            <v>1</v>
          </cell>
          <cell r="J31">
            <v>4</v>
          </cell>
          <cell r="K31">
            <v>4</v>
          </cell>
          <cell r="L31">
            <v>3</v>
          </cell>
          <cell r="M31">
            <v>3</v>
          </cell>
          <cell r="N31">
            <v>3</v>
          </cell>
          <cell r="O31">
            <v>3</v>
          </cell>
          <cell r="P31">
            <v>3</v>
          </cell>
          <cell r="Q31">
            <v>3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28</v>
          </cell>
          <cell r="H32">
            <v>21</v>
          </cell>
          <cell r="I32">
            <v>19</v>
          </cell>
          <cell r="J32">
            <v>22</v>
          </cell>
          <cell r="K32">
            <v>20</v>
          </cell>
          <cell r="L32">
            <v>16</v>
          </cell>
          <cell r="M32">
            <v>13</v>
          </cell>
          <cell r="N32">
            <v>14</v>
          </cell>
          <cell r="O32">
            <v>16</v>
          </cell>
          <cell r="P32">
            <v>15</v>
          </cell>
          <cell r="Q32">
            <v>11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55</v>
          </cell>
          <cell r="H33">
            <v>47</v>
          </cell>
          <cell r="I33">
            <v>40</v>
          </cell>
          <cell r="J33">
            <v>37</v>
          </cell>
          <cell r="K33">
            <v>37</v>
          </cell>
          <cell r="L33">
            <v>38</v>
          </cell>
          <cell r="M33">
            <v>37</v>
          </cell>
          <cell r="N33">
            <v>31</v>
          </cell>
          <cell r="O33">
            <v>31</v>
          </cell>
          <cell r="P33">
            <v>30</v>
          </cell>
          <cell r="Q33">
            <v>32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49</v>
          </cell>
          <cell r="H105">
            <v>41</v>
          </cell>
          <cell r="I105">
            <v>37</v>
          </cell>
          <cell r="J105">
            <v>40</v>
          </cell>
          <cell r="K105">
            <v>38</v>
          </cell>
          <cell r="L105">
            <v>36</v>
          </cell>
          <cell r="M105">
            <v>32</v>
          </cell>
          <cell r="N105">
            <v>29</v>
          </cell>
          <cell r="O105">
            <v>31</v>
          </cell>
          <cell r="P105">
            <v>30</v>
          </cell>
          <cell r="Q105">
            <v>29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37</v>
          </cell>
          <cell r="H151">
            <v>29</v>
          </cell>
          <cell r="I151">
            <v>23</v>
          </cell>
          <cell r="J151">
            <v>23</v>
          </cell>
          <cell r="K151">
            <v>23</v>
          </cell>
          <cell r="L151">
            <v>21</v>
          </cell>
          <cell r="M151">
            <v>21</v>
          </cell>
          <cell r="N151">
            <v>19</v>
          </cell>
          <cell r="O151">
            <v>19</v>
          </cell>
          <cell r="P151">
            <v>18</v>
          </cell>
          <cell r="Q151">
            <v>17</v>
          </cell>
        </row>
      </sheetData>
      <sheetData sheetId="81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22318</v>
          </cell>
          <cell r="H26">
            <v>21473</v>
          </cell>
          <cell r="I26">
            <v>20568</v>
          </cell>
          <cell r="J26">
            <v>20416</v>
          </cell>
          <cell r="K26">
            <v>20265</v>
          </cell>
          <cell r="L26">
            <v>20041</v>
          </cell>
          <cell r="M26">
            <v>19693</v>
          </cell>
          <cell r="N26">
            <v>19391</v>
          </cell>
          <cell r="O26">
            <v>18990</v>
          </cell>
          <cell r="P26">
            <v>18618</v>
          </cell>
          <cell r="Q26">
            <v>18220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3040</v>
          </cell>
          <cell r="H31">
            <v>2879</v>
          </cell>
          <cell r="I31">
            <v>2422</v>
          </cell>
          <cell r="J31">
            <v>2333</v>
          </cell>
          <cell r="K31">
            <v>2251</v>
          </cell>
          <cell r="L31">
            <v>2166</v>
          </cell>
          <cell r="M31">
            <v>2056</v>
          </cell>
          <cell r="N31">
            <v>1959</v>
          </cell>
          <cell r="O31">
            <v>1822</v>
          </cell>
          <cell r="P31">
            <v>1726</v>
          </cell>
          <cell r="Q31">
            <v>1605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13873</v>
          </cell>
          <cell r="H32">
            <v>12872</v>
          </cell>
          <cell r="I32">
            <v>11702</v>
          </cell>
          <cell r="J32">
            <v>11514</v>
          </cell>
          <cell r="K32">
            <v>11343</v>
          </cell>
          <cell r="L32">
            <v>11129</v>
          </cell>
          <cell r="M32">
            <v>10821</v>
          </cell>
          <cell r="N32">
            <v>10575</v>
          </cell>
          <cell r="O32">
            <v>10286</v>
          </cell>
          <cell r="P32">
            <v>10036</v>
          </cell>
          <cell r="Q32">
            <v>9822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5405</v>
          </cell>
          <cell r="H33">
            <v>5722</v>
          </cell>
          <cell r="I33">
            <v>6444</v>
          </cell>
          <cell r="J33">
            <v>6569</v>
          </cell>
          <cell r="K33">
            <v>6671</v>
          </cell>
          <cell r="L33">
            <v>6746</v>
          </cell>
          <cell r="M33">
            <v>6816</v>
          </cell>
          <cell r="N33">
            <v>6857</v>
          </cell>
          <cell r="O33">
            <v>6882</v>
          </cell>
          <cell r="P33">
            <v>6856</v>
          </cell>
          <cell r="Q33">
            <v>6793</v>
          </cell>
        </row>
        <row r="105"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10890</v>
          </cell>
          <cell r="H105">
            <v>10496</v>
          </cell>
          <cell r="I105">
            <v>9983</v>
          </cell>
          <cell r="J105">
            <v>9931</v>
          </cell>
          <cell r="K105">
            <v>9898</v>
          </cell>
          <cell r="L105">
            <v>9788</v>
          </cell>
          <cell r="M105">
            <v>9620</v>
          </cell>
          <cell r="N105">
            <v>9482</v>
          </cell>
          <cell r="O105">
            <v>9280</v>
          </cell>
          <cell r="P105">
            <v>9121</v>
          </cell>
          <cell r="Q105">
            <v>8964</v>
          </cell>
        </row>
        <row r="151"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11428</v>
          </cell>
          <cell r="H151">
            <v>10977</v>
          </cell>
          <cell r="I151">
            <v>10585</v>
          </cell>
          <cell r="J151">
            <v>10485</v>
          </cell>
          <cell r="K151">
            <v>10367</v>
          </cell>
          <cell r="L151">
            <v>10253</v>
          </cell>
          <cell r="M151">
            <v>10073</v>
          </cell>
          <cell r="N151">
            <v>9909</v>
          </cell>
          <cell r="O151">
            <v>9710</v>
          </cell>
          <cell r="P151">
            <v>9497</v>
          </cell>
          <cell r="Q151">
            <v>9256</v>
          </cell>
        </row>
      </sheetData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64CCAD-161E-4894-B763-7513A4A7F5CB}">
  <sheetPr codeName="Sheet67"/>
  <dimension ref="A1:T168"/>
  <sheetViews>
    <sheetView tabSelected="1"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4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0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102</v>
      </c>
      <c r="H5" s="8">
        <f t="shared" si="0"/>
        <v>91</v>
      </c>
      <c r="I5" s="8">
        <f t="shared" si="0"/>
        <v>57</v>
      </c>
      <c r="J5" s="8">
        <f t="shared" si="0"/>
        <v>49</v>
      </c>
      <c r="K5" s="8">
        <f t="shared" si="0"/>
        <v>40</v>
      </c>
      <c r="L5" s="8">
        <f t="shared" si="0"/>
        <v>42</v>
      </c>
      <c r="M5" s="8">
        <f t="shared" si="0"/>
        <v>37</v>
      </c>
      <c r="N5" s="8">
        <f t="shared" si="0"/>
        <v>35</v>
      </c>
      <c r="O5" s="8">
        <f t="shared" si="0"/>
        <v>30</v>
      </c>
      <c r="P5" s="8">
        <f t="shared" si="0"/>
        <v>32</v>
      </c>
      <c r="Q5" s="8">
        <f t="shared" si="0"/>
        <v>31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87</v>
      </c>
      <c r="H6" s="8">
        <f t="shared" si="0"/>
        <v>97</v>
      </c>
      <c r="I6" s="8">
        <f t="shared" si="0"/>
        <v>90</v>
      </c>
      <c r="J6" s="8">
        <f t="shared" si="0"/>
        <v>82</v>
      </c>
      <c r="K6" s="8">
        <f t="shared" si="0"/>
        <v>75</v>
      </c>
      <c r="L6" s="8">
        <f t="shared" si="0"/>
        <v>70</v>
      </c>
      <c r="M6" s="8">
        <f t="shared" si="0"/>
        <v>67</v>
      </c>
      <c r="N6" s="8">
        <f t="shared" si="0"/>
        <v>56</v>
      </c>
      <c r="O6" s="8">
        <f t="shared" si="0"/>
        <v>53</v>
      </c>
      <c r="P6" s="8">
        <f t="shared" si="0"/>
        <v>40</v>
      </c>
      <c r="Q6" s="8">
        <f t="shared" si="0"/>
        <v>41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77</v>
      </c>
      <c r="H7" s="8">
        <f t="shared" si="0"/>
        <v>86</v>
      </c>
      <c r="I7" s="8">
        <f t="shared" si="0"/>
        <v>82</v>
      </c>
      <c r="J7" s="8">
        <f t="shared" si="0"/>
        <v>92</v>
      </c>
      <c r="K7" s="8">
        <f t="shared" si="0"/>
        <v>87</v>
      </c>
      <c r="L7" s="8">
        <f t="shared" si="0"/>
        <v>84</v>
      </c>
      <c r="M7" s="8">
        <f t="shared" si="0"/>
        <v>86</v>
      </c>
      <c r="N7" s="8">
        <f t="shared" si="0"/>
        <v>92</v>
      </c>
      <c r="O7" s="8">
        <f t="shared" si="0"/>
        <v>78</v>
      </c>
      <c r="P7" s="8">
        <f t="shared" si="0"/>
        <v>73</v>
      </c>
      <c r="Q7" s="8">
        <f t="shared" si="0"/>
        <v>69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112</v>
      </c>
      <c r="H8" s="11">
        <f t="shared" si="0"/>
        <v>76</v>
      </c>
      <c r="I8" s="11">
        <f t="shared" si="0"/>
        <v>79</v>
      </c>
      <c r="J8" s="11">
        <f t="shared" si="0"/>
        <v>74</v>
      </c>
      <c r="K8" s="11">
        <f t="shared" si="0"/>
        <v>88</v>
      </c>
      <c r="L8" s="11">
        <f t="shared" si="0"/>
        <v>89</v>
      </c>
      <c r="M8" s="11">
        <f t="shared" si="0"/>
        <v>82</v>
      </c>
      <c r="N8" s="11">
        <f t="shared" si="0"/>
        <v>78</v>
      </c>
      <c r="O8" s="11">
        <f t="shared" si="0"/>
        <v>89</v>
      </c>
      <c r="P8" s="11">
        <f t="shared" si="0"/>
        <v>85</v>
      </c>
      <c r="Q8" s="11">
        <f t="shared" si="0"/>
        <v>74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157</v>
      </c>
      <c r="H9" s="11">
        <f t="shared" si="0"/>
        <v>103</v>
      </c>
      <c r="I9" s="11">
        <f t="shared" si="0"/>
        <v>67</v>
      </c>
      <c r="J9" s="11">
        <f t="shared" si="0"/>
        <v>81</v>
      </c>
      <c r="K9" s="11">
        <f t="shared" si="0"/>
        <v>81</v>
      </c>
      <c r="L9" s="11">
        <f t="shared" si="0"/>
        <v>90</v>
      </c>
      <c r="M9" s="11">
        <f t="shared" si="0"/>
        <v>78</v>
      </c>
      <c r="N9" s="11">
        <f t="shared" si="0"/>
        <v>83</v>
      </c>
      <c r="O9" s="11">
        <f t="shared" si="0"/>
        <v>73</v>
      </c>
      <c r="P9" s="11">
        <f t="shared" si="0"/>
        <v>79</v>
      </c>
      <c r="Q9" s="11">
        <f t="shared" si="0"/>
        <v>80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182</v>
      </c>
      <c r="H10" s="11">
        <f t="shared" si="0"/>
        <v>127</v>
      </c>
      <c r="I10" s="11">
        <f t="shared" si="0"/>
        <v>104</v>
      </c>
      <c r="J10" s="11">
        <f t="shared" si="0"/>
        <v>94</v>
      </c>
      <c r="K10" s="11">
        <f t="shared" si="0"/>
        <v>86</v>
      </c>
      <c r="L10" s="11">
        <f t="shared" si="0"/>
        <v>82</v>
      </c>
      <c r="M10" s="11">
        <f t="shared" si="0"/>
        <v>81</v>
      </c>
      <c r="N10" s="11">
        <f t="shared" si="0"/>
        <v>75</v>
      </c>
      <c r="O10" s="11">
        <f t="shared" si="0"/>
        <v>67</v>
      </c>
      <c r="P10" s="11">
        <f t="shared" si="0"/>
        <v>71</v>
      </c>
      <c r="Q10" s="11">
        <f t="shared" si="0"/>
        <v>80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172</v>
      </c>
      <c r="H11" s="11">
        <f t="shared" si="0"/>
        <v>131</v>
      </c>
      <c r="I11" s="11">
        <f t="shared" si="0"/>
        <v>98</v>
      </c>
      <c r="J11" s="11">
        <f t="shared" si="0"/>
        <v>95</v>
      </c>
      <c r="K11" s="11">
        <f t="shared" si="0"/>
        <v>87</v>
      </c>
      <c r="L11" s="11">
        <f t="shared" si="0"/>
        <v>74</v>
      </c>
      <c r="M11" s="11">
        <f t="shared" si="0"/>
        <v>65</v>
      </c>
      <c r="N11" s="11">
        <f t="shared" si="0"/>
        <v>61</v>
      </c>
      <c r="O11" s="11">
        <f t="shared" si="0"/>
        <v>56</v>
      </c>
      <c r="P11" s="11">
        <f t="shared" si="0"/>
        <v>47</v>
      </c>
      <c r="Q11" s="11">
        <f t="shared" si="0"/>
        <v>48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20</v>
      </c>
      <c r="H12" s="11">
        <f t="shared" si="0"/>
        <v>149</v>
      </c>
      <c r="I12" s="11">
        <f t="shared" si="0"/>
        <v>110</v>
      </c>
      <c r="J12" s="11">
        <f t="shared" si="0"/>
        <v>115</v>
      </c>
      <c r="K12" s="11">
        <f t="shared" si="0"/>
        <v>106</v>
      </c>
      <c r="L12" s="11">
        <f t="shared" si="0"/>
        <v>98</v>
      </c>
      <c r="M12" s="11">
        <f t="shared" si="0"/>
        <v>101</v>
      </c>
      <c r="N12" s="11">
        <f t="shared" si="0"/>
        <v>95</v>
      </c>
      <c r="O12" s="11">
        <f t="shared" si="0"/>
        <v>79</v>
      </c>
      <c r="P12" s="11">
        <f t="shared" si="0"/>
        <v>66</v>
      </c>
      <c r="Q12" s="11">
        <f t="shared" si="0"/>
        <v>58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24</v>
      </c>
      <c r="H13" s="11">
        <f t="shared" si="0"/>
        <v>110</v>
      </c>
      <c r="I13" s="11">
        <f t="shared" si="0"/>
        <v>136</v>
      </c>
      <c r="J13" s="11">
        <f t="shared" si="0"/>
        <v>127</v>
      </c>
      <c r="K13" s="11">
        <f t="shared" si="0"/>
        <v>123</v>
      </c>
      <c r="L13" s="11">
        <f t="shared" si="0"/>
        <v>114</v>
      </c>
      <c r="M13" s="11">
        <f t="shared" si="0"/>
        <v>103</v>
      </c>
      <c r="N13" s="11">
        <f t="shared" si="0"/>
        <v>100</v>
      </c>
      <c r="O13" s="11">
        <f t="shared" si="0"/>
        <v>103</v>
      </c>
      <c r="P13" s="11">
        <f t="shared" si="0"/>
        <v>96</v>
      </c>
      <c r="Q13" s="11">
        <f t="shared" si="0"/>
        <v>86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37</v>
      </c>
      <c r="H14" s="11">
        <f t="shared" si="0"/>
        <v>109</v>
      </c>
      <c r="I14" s="11">
        <f t="shared" si="0"/>
        <v>107</v>
      </c>
      <c r="J14" s="11">
        <f t="shared" si="0"/>
        <v>114</v>
      </c>
      <c r="K14" s="11">
        <f t="shared" si="0"/>
        <v>124</v>
      </c>
      <c r="L14" s="11">
        <f t="shared" si="0"/>
        <v>141</v>
      </c>
      <c r="M14" s="11">
        <f t="shared" si="0"/>
        <v>140</v>
      </c>
      <c r="N14" s="11">
        <f t="shared" si="0"/>
        <v>125</v>
      </c>
      <c r="O14" s="11">
        <f t="shared" si="0"/>
        <v>121</v>
      </c>
      <c r="P14" s="11">
        <f t="shared" si="0"/>
        <v>114</v>
      </c>
      <c r="Q14" s="11">
        <f t="shared" si="0"/>
        <v>108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210</v>
      </c>
      <c r="H15" s="11">
        <f t="shared" si="0"/>
        <v>128</v>
      </c>
      <c r="I15" s="11">
        <f t="shared" si="0"/>
        <v>106</v>
      </c>
      <c r="J15" s="11">
        <f t="shared" si="0"/>
        <v>100</v>
      </c>
      <c r="K15" s="11">
        <f t="shared" si="0"/>
        <v>100</v>
      </c>
      <c r="L15" s="11">
        <f t="shared" si="0"/>
        <v>104</v>
      </c>
      <c r="M15" s="11">
        <f t="shared" si="0"/>
        <v>102</v>
      </c>
      <c r="N15" s="11">
        <f t="shared" si="0"/>
        <v>103</v>
      </c>
      <c r="O15" s="11">
        <f t="shared" si="0"/>
        <v>107</v>
      </c>
      <c r="P15" s="11">
        <f t="shared" si="0"/>
        <v>122</v>
      </c>
      <c r="Q15" s="11">
        <f t="shared" si="0"/>
        <v>133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260</v>
      </c>
      <c r="H16" s="11">
        <f t="shared" si="0"/>
        <v>192</v>
      </c>
      <c r="I16" s="11">
        <f t="shared" si="0"/>
        <v>131</v>
      </c>
      <c r="J16" s="11">
        <f t="shared" si="0"/>
        <v>120</v>
      </c>
      <c r="K16" s="11">
        <f t="shared" si="0"/>
        <v>110</v>
      </c>
      <c r="L16" s="11">
        <f t="shared" si="0"/>
        <v>89</v>
      </c>
      <c r="M16" s="11">
        <f t="shared" si="0"/>
        <v>95</v>
      </c>
      <c r="N16" s="11">
        <f t="shared" si="0"/>
        <v>100</v>
      </c>
      <c r="O16" s="11">
        <f t="shared" si="0"/>
        <v>94</v>
      </c>
      <c r="P16" s="11">
        <f t="shared" si="0"/>
        <v>98</v>
      </c>
      <c r="Q16" s="11">
        <f t="shared" si="0"/>
        <v>104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233</v>
      </c>
      <c r="H17" s="11">
        <f t="shared" si="0"/>
        <v>245</v>
      </c>
      <c r="I17" s="11">
        <f t="shared" si="0"/>
        <v>188</v>
      </c>
      <c r="J17" s="11">
        <f t="shared" si="0"/>
        <v>174</v>
      </c>
      <c r="K17" s="11">
        <f t="shared" si="0"/>
        <v>153</v>
      </c>
      <c r="L17" s="11">
        <f t="shared" si="0"/>
        <v>161</v>
      </c>
      <c r="M17" s="11">
        <f t="shared" si="0"/>
        <v>142</v>
      </c>
      <c r="N17" s="11">
        <f t="shared" si="0"/>
        <v>133</v>
      </c>
      <c r="O17" s="11">
        <f t="shared" si="0"/>
        <v>119</v>
      </c>
      <c r="P17" s="11">
        <f t="shared" si="0"/>
        <v>108</v>
      </c>
      <c r="Q17" s="11">
        <f t="shared" si="0"/>
        <v>87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91</v>
      </c>
      <c r="H18" s="14">
        <f t="shared" si="0"/>
        <v>227</v>
      </c>
      <c r="I18" s="14">
        <f t="shared" si="0"/>
        <v>233</v>
      </c>
      <c r="J18" s="14">
        <f t="shared" si="0"/>
        <v>257</v>
      </c>
      <c r="K18" s="14">
        <f t="shared" si="0"/>
        <v>236</v>
      </c>
      <c r="L18" s="14">
        <f t="shared" si="0"/>
        <v>197</v>
      </c>
      <c r="M18" s="14">
        <f t="shared" si="0"/>
        <v>193</v>
      </c>
      <c r="N18" s="14">
        <f t="shared" si="0"/>
        <v>181</v>
      </c>
      <c r="O18" s="14">
        <f t="shared" si="0"/>
        <v>168</v>
      </c>
      <c r="P18" s="14">
        <f t="shared" si="0"/>
        <v>150</v>
      </c>
      <c r="Q18" s="14">
        <f t="shared" si="0"/>
        <v>157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95</v>
      </c>
      <c r="H19" s="14">
        <f t="shared" si="0"/>
        <v>181</v>
      </c>
      <c r="I19" s="14">
        <f t="shared" si="0"/>
        <v>219</v>
      </c>
      <c r="J19" s="14">
        <f t="shared" si="0"/>
        <v>190</v>
      </c>
      <c r="K19" s="14">
        <f t="shared" si="0"/>
        <v>202</v>
      </c>
      <c r="L19" s="14">
        <f t="shared" si="0"/>
        <v>220</v>
      </c>
      <c r="M19" s="14">
        <f t="shared" si="0"/>
        <v>218</v>
      </c>
      <c r="N19" s="14">
        <f t="shared" si="0"/>
        <v>221</v>
      </c>
      <c r="O19" s="14">
        <f t="shared" si="0"/>
        <v>236</v>
      </c>
      <c r="P19" s="14">
        <f t="shared" si="0"/>
        <v>221</v>
      </c>
      <c r="Q19" s="14">
        <f t="shared" si="0"/>
        <v>183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202</v>
      </c>
      <c r="H20" s="14">
        <f t="shared" si="0"/>
        <v>177</v>
      </c>
      <c r="I20" s="14">
        <f t="shared" si="0"/>
        <v>158</v>
      </c>
      <c r="J20" s="14">
        <f t="shared" si="0"/>
        <v>168</v>
      </c>
      <c r="K20" s="14">
        <f t="shared" si="0"/>
        <v>176</v>
      </c>
      <c r="L20" s="14">
        <f t="shared" si="0"/>
        <v>185</v>
      </c>
      <c r="M20" s="14">
        <f t="shared" si="0"/>
        <v>192</v>
      </c>
      <c r="N20" s="14">
        <f t="shared" si="0"/>
        <v>196</v>
      </c>
      <c r="O20" s="14">
        <f t="shared" si="0"/>
        <v>173</v>
      </c>
      <c r="P20" s="14">
        <f t="shared" si="0"/>
        <v>183</v>
      </c>
      <c r="Q20" s="14">
        <f t="shared" si="0"/>
        <v>204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132</v>
      </c>
      <c r="H21" s="14">
        <f t="shared" si="1"/>
        <v>159</v>
      </c>
      <c r="I21" s="14">
        <f t="shared" si="1"/>
        <v>151</v>
      </c>
      <c r="J21" s="14">
        <f t="shared" si="1"/>
        <v>146</v>
      </c>
      <c r="K21" s="14">
        <f t="shared" si="1"/>
        <v>144</v>
      </c>
      <c r="L21" s="14">
        <f t="shared" si="1"/>
        <v>142</v>
      </c>
      <c r="M21" s="14">
        <f t="shared" si="1"/>
        <v>132</v>
      </c>
      <c r="N21" s="14">
        <f t="shared" si="1"/>
        <v>134</v>
      </c>
      <c r="O21" s="14">
        <f t="shared" si="1"/>
        <v>145</v>
      </c>
      <c r="P21" s="14">
        <f t="shared" si="1"/>
        <v>155</v>
      </c>
      <c r="Q21" s="14">
        <f t="shared" si="1"/>
        <v>153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99</v>
      </c>
      <c r="H22" s="14">
        <f t="shared" si="1"/>
        <v>88</v>
      </c>
      <c r="I22" s="14">
        <f t="shared" si="1"/>
        <v>118</v>
      </c>
      <c r="J22" s="14">
        <f t="shared" si="1"/>
        <v>115</v>
      </c>
      <c r="K22" s="14">
        <f t="shared" si="1"/>
        <v>123</v>
      </c>
      <c r="L22" s="14">
        <f t="shared" si="1"/>
        <v>125</v>
      </c>
      <c r="M22" s="14">
        <f t="shared" si="1"/>
        <v>126</v>
      </c>
      <c r="N22" s="14">
        <f t="shared" si="1"/>
        <v>122</v>
      </c>
      <c r="O22" s="14">
        <f t="shared" si="1"/>
        <v>121</v>
      </c>
      <c r="P22" s="14">
        <f t="shared" si="1"/>
        <v>105</v>
      </c>
      <c r="Q22" s="14">
        <f t="shared" si="1"/>
        <v>99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31</v>
      </c>
      <c r="H23" s="14">
        <f t="shared" si="1"/>
        <v>47</v>
      </c>
      <c r="I23" s="14">
        <f t="shared" si="1"/>
        <v>48</v>
      </c>
      <c r="J23" s="14">
        <f t="shared" si="1"/>
        <v>59</v>
      </c>
      <c r="K23" s="14">
        <f t="shared" si="1"/>
        <v>57</v>
      </c>
      <c r="L23" s="14">
        <f t="shared" si="1"/>
        <v>59</v>
      </c>
      <c r="M23" s="14">
        <f t="shared" si="1"/>
        <v>67</v>
      </c>
      <c r="N23" s="14">
        <f t="shared" si="1"/>
        <v>66</v>
      </c>
      <c r="O23" s="14">
        <f t="shared" si="1"/>
        <v>65</v>
      </c>
      <c r="P23" s="14">
        <f t="shared" si="1"/>
        <v>70</v>
      </c>
      <c r="Q23" s="14">
        <f t="shared" si="1"/>
        <v>74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6</v>
      </c>
      <c r="H24" s="14">
        <f t="shared" si="1"/>
        <v>14</v>
      </c>
      <c r="I24" s="14">
        <f t="shared" si="1"/>
        <v>21</v>
      </c>
      <c r="J24" s="14">
        <f t="shared" si="1"/>
        <v>18</v>
      </c>
      <c r="K24" s="14">
        <f t="shared" si="1"/>
        <v>17</v>
      </c>
      <c r="L24" s="14">
        <f t="shared" si="1"/>
        <v>19</v>
      </c>
      <c r="M24" s="14">
        <f t="shared" si="1"/>
        <v>18</v>
      </c>
      <c r="N24" s="14">
        <f t="shared" si="1"/>
        <v>19</v>
      </c>
      <c r="O24" s="14">
        <f t="shared" si="1"/>
        <v>26</v>
      </c>
      <c r="P24" s="14">
        <f t="shared" si="1"/>
        <v>27</v>
      </c>
      <c r="Q24" s="14">
        <f t="shared" si="1"/>
        <v>19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0</v>
      </c>
      <c r="I25" s="14">
        <f t="shared" si="1"/>
        <v>5</v>
      </c>
      <c r="J25" s="14">
        <f t="shared" si="1"/>
        <v>4</v>
      </c>
      <c r="K25" s="14">
        <f t="shared" si="1"/>
        <v>4</v>
      </c>
      <c r="L25" s="14">
        <f t="shared" si="1"/>
        <v>4</v>
      </c>
      <c r="M25" s="14">
        <f t="shared" si="1"/>
        <v>3</v>
      </c>
      <c r="N25" s="14">
        <f t="shared" si="1"/>
        <v>3</v>
      </c>
      <c r="O25" s="14">
        <f t="shared" si="1"/>
        <v>2</v>
      </c>
      <c r="P25" s="14">
        <f t="shared" si="1"/>
        <v>4</v>
      </c>
      <c r="Q25" s="14">
        <f t="shared" si="1"/>
        <v>4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2829</v>
      </c>
      <c r="H26" s="17">
        <f>SUM(H5:H25)</f>
        <v>2537</v>
      </c>
      <c r="I26" s="17">
        <f t="shared" ref="I26:N26" si="2">SUM(I5:I25)</f>
        <v>2308</v>
      </c>
      <c r="J26" s="17">
        <f t="shared" si="2"/>
        <v>2274</v>
      </c>
      <c r="K26" s="17">
        <f t="shared" si="2"/>
        <v>2219</v>
      </c>
      <c r="L26" s="17">
        <f t="shared" si="2"/>
        <v>2189</v>
      </c>
      <c r="M26" s="17">
        <f t="shared" si="2"/>
        <v>2128</v>
      </c>
      <c r="N26" s="17">
        <f t="shared" si="2"/>
        <v>2078</v>
      </c>
      <c r="O26" s="17">
        <f>SUM(O5:O25)</f>
        <v>2005</v>
      </c>
      <c r="P26" s="17">
        <f>SUM(P5:P25)</f>
        <v>1946</v>
      </c>
      <c r="Q26" s="17">
        <f>SUM(Q5:Q25)</f>
        <v>1892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266</v>
      </c>
      <c r="H31" s="21">
        <f t="shared" si="3"/>
        <v>274</v>
      </c>
      <c r="I31" s="21">
        <f t="shared" si="3"/>
        <v>229</v>
      </c>
      <c r="J31" s="21">
        <f t="shared" si="3"/>
        <v>223</v>
      </c>
      <c r="K31" s="21">
        <f t="shared" si="3"/>
        <v>202</v>
      </c>
      <c r="L31" s="21">
        <f t="shared" si="3"/>
        <v>196</v>
      </c>
      <c r="M31" s="21">
        <f t="shared" si="3"/>
        <v>190</v>
      </c>
      <c r="N31" s="21">
        <f t="shared" si="3"/>
        <v>183</v>
      </c>
      <c r="O31" s="21">
        <f t="shared" si="3"/>
        <v>161</v>
      </c>
      <c r="P31" s="21">
        <f t="shared" si="3"/>
        <v>145</v>
      </c>
      <c r="Q31" s="21">
        <f t="shared" si="3"/>
        <v>141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1707</v>
      </c>
      <c r="H32" s="22">
        <f t="shared" si="4"/>
        <v>1370</v>
      </c>
      <c r="I32" s="22">
        <f t="shared" si="4"/>
        <v>1126</v>
      </c>
      <c r="J32" s="22">
        <f t="shared" si="4"/>
        <v>1094</v>
      </c>
      <c r="K32" s="22">
        <f t="shared" si="4"/>
        <v>1058</v>
      </c>
      <c r="L32" s="22">
        <f t="shared" si="4"/>
        <v>1042</v>
      </c>
      <c r="M32" s="22">
        <f t="shared" si="4"/>
        <v>989</v>
      </c>
      <c r="N32" s="22">
        <f t="shared" si="4"/>
        <v>953</v>
      </c>
      <c r="O32" s="22">
        <f t="shared" si="4"/>
        <v>908</v>
      </c>
      <c r="P32" s="22">
        <f t="shared" si="4"/>
        <v>886</v>
      </c>
      <c r="Q32" s="22">
        <f t="shared" si="4"/>
        <v>858</v>
      </c>
    </row>
    <row r="33" spans="1:20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856</v>
      </c>
      <c r="H33" s="23">
        <f t="shared" si="5"/>
        <v>893</v>
      </c>
      <c r="I33" s="23">
        <f t="shared" si="5"/>
        <v>953</v>
      </c>
      <c r="J33" s="23">
        <f t="shared" si="5"/>
        <v>957</v>
      </c>
      <c r="K33" s="23">
        <f t="shared" si="5"/>
        <v>959</v>
      </c>
      <c r="L33" s="23">
        <f t="shared" si="5"/>
        <v>951</v>
      </c>
      <c r="M33" s="23">
        <f t="shared" si="5"/>
        <v>949</v>
      </c>
      <c r="N33" s="23">
        <f t="shared" si="5"/>
        <v>942</v>
      </c>
      <c r="O33" s="23">
        <f t="shared" si="5"/>
        <v>936</v>
      </c>
      <c r="P33" s="23">
        <f t="shared" si="5"/>
        <v>915</v>
      </c>
      <c r="Q33" s="23">
        <f t="shared" si="5"/>
        <v>893</v>
      </c>
    </row>
    <row r="34" spans="1:20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2829</v>
      </c>
      <c r="H34" s="24">
        <f>SUM(H31:H33)</f>
        <v>2537</v>
      </c>
      <c r="I34" s="24">
        <f t="shared" ref="I34:N34" si="6">SUM(I31:I33)</f>
        <v>2308</v>
      </c>
      <c r="J34" s="24">
        <f t="shared" si="6"/>
        <v>2274</v>
      </c>
      <c r="K34" s="24">
        <f t="shared" si="6"/>
        <v>2219</v>
      </c>
      <c r="L34" s="24">
        <f t="shared" si="6"/>
        <v>2189</v>
      </c>
      <c r="M34" s="24">
        <f t="shared" si="6"/>
        <v>2128</v>
      </c>
      <c r="N34" s="24">
        <f t="shared" si="6"/>
        <v>2078</v>
      </c>
      <c r="O34" s="24">
        <f>SUM(O31:O33)</f>
        <v>2005</v>
      </c>
      <c r="P34" s="24">
        <f>SUM(P31:P33)</f>
        <v>1946</v>
      </c>
      <c r="Q34" s="24">
        <f>SUM(Q31:Q33)</f>
        <v>1892</v>
      </c>
    </row>
    <row r="35" spans="1:20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0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0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0" s="4" customFormat="1" ht="21.75" customHeight="1" x14ac:dyDescent="0.2">
      <c r="A38" s="15" t="s">
        <v>30</v>
      </c>
      <c r="B38" s="32" t="s">
        <v>31</v>
      </c>
      <c r="C38" s="33">
        <v>60</v>
      </c>
      <c r="D38" s="34" t="s">
        <v>32</v>
      </c>
      <c r="E38" s="33">
        <v>7</v>
      </c>
      <c r="F38" s="33">
        <v>12</v>
      </c>
      <c r="G38" s="33">
        <v>17</v>
      </c>
      <c r="H38" s="33">
        <v>22</v>
      </c>
      <c r="I38" s="33">
        <v>27</v>
      </c>
      <c r="J38" s="33">
        <v>28</v>
      </c>
      <c r="K38" s="33">
        <v>29</v>
      </c>
      <c r="L38" s="33">
        <v>30</v>
      </c>
      <c r="M38" s="33" t="s">
        <v>4</v>
      </c>
      <c r="N38" s="35">
        <v>2</v>
      </c>
      <c r="O38" s="36">
        <v>3</v>
      </c>
      <c r="P38" s="36">
        <v>4</v>
      </c>
      <c r="Q38" s="36">
        <v>5</v>
      </c>
    </row>
    <row r="39" spans="1:20" ht="23.25" customHeight="1" x14ac:dyDescent="0.2">
      <c r="A39" s="37" t="s">
        <v>33</v>
      </c>
      <c r="B39" s="38" t="s">
        <v>7</v>
      </c>
      <c r="C39" s="39" t="s">
        <v>7</v>
      </c>
      <c r="D39" s="39" t="s">
        <v>7</v>
      </c>
      <c r="E39" s="39" t="s">
        <v>7</v>
      </c>
      <c r="F39" s="39" t="s">
        <v>7</v>
      </c>
      <c r="G39" s="40">
        <f t="shared" ref="G39:Q39" si="7">ROUND(G31/G34*100,1)</f>
        <v>9.4</v>
      </c>
      <c r="H39" s="40">
        <f t="shared" si="7"/>
        <v>10.8</v>
      </c>
      <c r="I39" s="41">
        <f t="shared" si="7"/>
        <v>9.9</v>
      </c>
      <c r="J39" s="40">
        <f t="shared" si="7"/>
        <v>9.8000000000000007</v>
      </c>
      <c r="K39" s="40">
        <f t="shared" si="7"/>
        <v>9.1</v>
      </c>
      <c r="L39" s="42">
        <f t="shared" si="7"/>
        <v>9</v>
      </c>
      <c r="M39" s="41">
        <f t="shared" si="7"/>
        <v>8.9</v>
      </c>
      <c r="N39" s="41">
        <f t="shared" si="7"/>
        <v>8.8000000000000007</v>
      </c>
      <c r="O39" s="43">
        <f t="shared" si="7"/>
        <v>8</v>
      </c>
      <c r="P39" s="43">
        <f t="shared" si="7"/>
        <v>7.5</v>
      </c>
      <c r="Q39" s="43">
        <f t="shared" si="7"/>
        <v>7.5</v>
      </c>
    </row>
    <row r="40" spans="1:20" ht="23.25" customHeight="1" x14ac:dyDescent="0.2">
      <c r="A40" s="44" t="s">
        <v>34</v>
      </c>
      <c r="B40" s="45" t="s">
        <v>7</v>
      </c>
      <c r="C40" s="46" t="s">
        <v>7</v>
      </c>
      <c r="D40" s="46" t="s">
        <v>7</v>
      </c>
      <c r="E40" s="46" t="s">
        <v>7</v>
      </c>
      <c r="F40" s="46" t="s">
        <v>7</v>
      </c>
      <c r="G40" s="47">
        <f t="shared" ref="G40:Q40" si="8">ROUND(G32/G34*100,1)</f>
        <v>60.3</v>
      </c>
      <c r="H40" s="47">
        <f t="shared" si="8"/>
        <v>54</v>
      </c>
      <c r="I40" s="48">
        <f t="shared" si="8"/>
        <v>48.8</v>
      </c>
      <c r="J40" s="47">
        <f t="shared" si="8"/>
        <v>48.1</v>
      </c>
      <c r="K40" s="47">
        <f t="shared" si="8"/>
        <v>47.7</v>
      </c>
      <c r="L40" s="49">
        <f t="shared" si="8"/>
        <v>47.6</v>
      </c>
      <c r="M40" s="48">
        <f t="shared" si="8"/>
        <v>46.5</v>
      </c>
      <c r="N40" s="48">
        <f t="shared" si="8"/>
        <v>45.9</v>
      </c>
      <c r="O40" s="50">
        <f t="shared" si="8"/>
        <v>45.3</v>
      </c>
      <c r="P40" s="50">
        <f t="shared" si="8"/>
        <v>45.5</v>
      </c>
      <c r="Q40" s="50">
        <f t="shared" si="8"/>
        <v>45.3</v>
      </c>
    </row>
    <row r="41" spans="1:20" ht="23.25" customHeight="1" x14ac:dyDescent="0.2">
      <c r="A41" s="51" t="s">
        <v>35</v>
      </c>
      <c r="B41" s="52" t="s">
        <v>7</v>
      </c>
      <c r="C41" s="53" t="s">
        <v>7</v>
      </c>
      <c r="D41" s="53" t="s">
        <v>7</v>
      </c>
      <c r="E41" s="53" t="s">
        <v>7</v>
      </c>
      <c r="F41" s="53" t="s">
        <v>7</v>
      </c>
      <c r="G41" s="54">
        <f t="shared" ref="G41:Q41" si="9">ROUND(G33/G34*100,1)</f>
        <v>30.3</v>
      </c>
      <c r="H41" s="54">
        <f t="shared" si="9"/>
        <v>35.200000000000003</v>
      </c>
      <c r="I41" s="55">
        <f t="shared" si="9"/>
        <v>41.3</v>
      </c>
      <c r="J41" s="54">
        <f t="shared" si="9"/>
        <v>42.1</v>
      </c>
      <c r="K41" s="54">
        <f t="shared" si="9"/>
        <v>43.2</v>
      </c>
      <c r="L41" s="56">
        <f t="shared" si="9"/>
        <v>43.4</v>
      </c>
      <c r="M41" s="55">
        <f t="shared" si="9"/>
        <v>44.6</v>
      </c>
      <c r="N41" s="55">
        <f t="shared" si="9"/>
        <v>45.3</v>
      </c>
      <c r="O41" s="57">
        <f t="shared" si="9"/>
        <v>46.7</v>
      </c>
      <c r="P41" s="57">
        <f t="shared" si="9"/>
        <v>47</v>
      </c>
      <c r="Q41" s="57">
        <f t="shared" si="9"/>
        <v>47.2</v>
      </c>
    </row>
    <row r="42" spans="1:20" ht="23.25" customHeight="1" x14ac:dyDescent="0.2">
      <c r="A42" s="5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0" ht="23.25" customHeight="1" x14ac:dyDescent="0.2">
      <c r="A43" s="5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0" ht="23.25" customHeight="1" x14ac:dyDescent="0.2">
      <c r="A44" s="5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0" ht="23.25" customHeight="1" x14ac:dyDescent="0.2">
      <c r="A45" s="5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0" ht="23.25" customHeight="1" x14ac:dyDescent="0.2">
      <c r="A46" s="5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0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0" ht="23.25" customHeight="1" thickTop="1" x14ac:dyDescent="0.2">
      <c r="A48" s="4"/>
      <c r="B48" s="4"/>
      <c r="C48" s="60" t="s">
        <v>39</v>
      </c>
      <c r="D48" s="61"/>
      <c r="E48" s="61"/>
      <c r="F48" s="62"/>
      <c r="J48" s="60" t="s">
        <v>40</v>
      </c>
      <c r="K48" s="61"/>
      <c r="L48" s="61"/>
      <c r="M48" s="61"/>
      <c r="N48" s="61"/>
      <c r="O48" s="62"/>
      <c r="P48" s="4"/>
      <c r="Q48" s="4"/>
      <c r="R48" s="4"/>
      <c r="S48" s="4"/>
      <c r="T48" s="4"/>
    </row>
    <row r="49" spans="1:20" ht="23.25" customHeight="1" thickBot="1" x14ac:dyDescent="0.25">
      <c r="A49" s="4"/>
      <c r="B49" s="4"/>
      <c r="C49" s="63"/>
      <c r="D49" s="64"/>
      <c r="E49" s="64"/>
      <c r="F49" s="65"/>
      <c r="J49" s="63"/>
      <c r="K49" s="64"/>
      <c r="L49" s="64"/>
      <c r="M49" s="64"/>
      <c r="N49" s="64"/>
      <c r="O49" s="65"/>
      <c r="P49" s="4"/>
      <c r="Q49" s="4"/>
      <c r="R49" s="4"/>
      <c r="S49" s="4"/>
      <c r="T49" s="4"/>
    </row>
    <row r="50" spans="1:20" ht="23.25" customHeight="1" thickTop="1" x14ac:dyDescent="0.25">
      <c r="A50" s="4"/>
      <c r="B50" s="4"/>
      <c r="C50" s="66"/>
      <c r="D50" s="66"/>
      <c r="E50" s="66"/>
      <c r="F50" s="4"/>
      <c r="L50" s="67"/>
      <c r="M50" s="67"/>
      <c r="N50" s="67"/>
      <c r="O50" s="4"/>
      <c r="P50" s="4"/>
      <c r="Q50" s="4"/>
      <c r="R50" s="4"/>
      <c r="S50" s="68"/>
      <c r="T50" s="4"/>
    </row>
    <row r="51" spans="1:20" ht="23.25" customHeight="1" x14ac:dyDescent="0.25">
      <c r="A51" s="4"/>
      <c r="B51" s="68"/>
      <c r="C51" s="68"/>
      <c r="D51" s="68"/>
      <c r="E51" s="68"/>
      <c r="F51" s="67"/>
      <c r="G51" s="67"/>
      <c r="H51" s="67"/>
      <c r="I51" s="67"/>
      <c r="J51" s="67"/>
      <c r="K51" s="67"/>
      <c r="L51" s="67"/>
      <c r="M51" s="67"/>
      <c r="N51" s="67"/>
      <c r="O51" s="4"/>
      <c r="P51" s="4"/>
      <c r="Q51" s="4"/>
      <c r="R51" s="4"/>
      <c r="S51" s="68"/>
      <c r="T51" s="4"/>
    </row>
    <row r="52" spans="1:20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0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0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69"/>
      <c r="O54" s="4"/>
      <c r="P54" s="4"/>
      <c r="Q54" s="4"/>
      <c r="R54" s="4"/>
      <c r="S54" s="4"/>
      <c r="T54" s="4"/>
    </row>
    <row r="55" spans="1:20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0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0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0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0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0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0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0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0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0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1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45</v>
      </c>
      <c r="H84" s="8">
        <v>50</v>
      </c>
      <c r="I84" s="8">
        <v>21</v>
      </c>
      <c r="J84" s="8">
        <v>15</v>
      </c>
      <c r="K84" s="8">
        <v>18</v>
      </c>
      <c r="L84" s="8">
        <v>21</v>
      </c>
      <c r="M84" s="8">
        <v>18</v>
      </c>
      <c r="N84" s="21">
        <v>14</v>
      </c>
      <c r="O84" s="21">
        <v>13</v>
      </c>
      <c r="P84" s="21">
        <v>15</v>
      </c>
      <c r="Q84" s="70">
        <v>13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41</v>
      </c>
      <c r="H85" s="8">
        <v>44</v>
      </c>
      <c r="I85" s="8">
        <v>54</v>
      </c>
      <c r="J85" s="8">
        <v>47</v>
      </c>
      <c r="K85" s="8">
        <v>36</v>
      </c>
      <c r="L85" s="8">
        <v>32</v>
      </c>
      <c r="M85" s="8">
        <v>29</v>
      </c>
      <c r="N85" s="21">
        <v>24</v>
      </c>
      <c r="O85" s="21">
        <v>20</v>
      </c>
      <c r="P85" s="21">
        <v>19</v>
      </c>
      <c r="Q85" s="21">
        <v>21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35</v>
      </c>
      <c r="H86" s="8">
        <v>40</v>
      </c>
      <c r="I86" s="8">
        <v>36</v>
      </c>
      <c r="J86" s="8">
        <v>46</v>
      </c>
      <c r="K86" s="8">
        <v>47</v>
      </c>
      <c r="L86" s="8">
        <v>48</v>
      </c>
      <c r="M86" s="8">
        <v>50</v>
      </c>
      <c r="N86" s="21">
        <v>54</v>
      </c>
      <c r="O86" s="21">
        <v>46</v>
      </c>
      <c r="P86" s="21">
        <v>37</v>
      </c>
      <c r="Q86" s="21">
        <v>34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55</v>
      </c>
      <c r="H87" s="11">
        <v>36</v>
      </c>
      <c r="I87" s="11">
        <v>38</v>
      </c>
      <c r="J87" s="11">
        <v>37</v>
      </c>
      <c r="K87" s="11">
        <v>43</v>
      </c>
      <c r="L87" s="11">
        <v>43</v>
      </c>
      <c r="M87" s="11">
        <v>42</v>
      </c>
      <c r="N87" s="22">
        <v>37</v>
      </c>
      <c r="O87" s="22">
        <v>46</v>
      </c>
      <c r="P87" s="22">
        <v>46</v>
      </c>
      <c r="Q87" s="22">
        <v>41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83</v>
      </c>
      <c r="H88" s="11">
        <v>53</v>
      </c>
      <c r="I88" s="11">
        <v>34</v>
      </c>
      <c r="J88" s="11">
        <v>43</v>
      </c>
      <c r="K88" s="11">
        <v>45</v>
      </c>
      <c r="L88" s="11">
        <v>47</v>
      </c>
      <c r="M88" s="11">
        <v>45</v>
      </c>
      <c r="N88" s="22">
        <v>49</v>
      </c>
      <c r="O88" s="22">
        <v>44</v>
      </c>
      <c r="P88" s="22">
        <v>44</v>
      </c>
      <c r="Q88" s="22">
        <v>45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100</v>
      </c>
      <c r="H89" s="11">
        <v>73</v>
      </c>
      <c r="I89" s="11">
        <v>65</v>
      </c>
      <c r="J89" s="11">
        <v>62</v>
      </c>
      <c r="K89" s="11">
        <v>55</v>
      </c>
      <c r="L89" s="11">
        <v>51</v>
      </c>
      <c r="M89" s="11">
        <v>52</v>
      </c>
      <c r="N89" s="22">
        <v>49</v>
      </c>
      <c r="O89" s="22">
        <v>43</v>
      </c>
      <c r="P89" s="22">
        <v>49</v>
      </c>
      <c r="Q89" s="22">
        <v>52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100</v>
      </c>
      <c r="H90" s="11">
        <v>65</v>
      </c>
      <c r="I90" s="11">
        <v>58</v>
      </c>
      <c r="J90" s="11">
        <v>54</v>
      </c>
      <c r="K90" s="11">
        <v>50</v>
      </c>
      <c r="L90" s="11">
        <v>40</v>
      </c>
      <c r="M90" s="11">
        <v>35</v>
      </c>
      <c r="N90" s="22">
        <v>35</v>
      </c>
      <c r="O90" s="22">
        <v>30</v>
      </c>
      <c r="P90" s="22">
        <v>24</v>
      </c>
      <c r="Q90" s="22">
        <v>24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57</v>
      </c>
      <c r="H91" s="11">
        <v>78</v>
      </c>
      <c r="I91" s="11">
        <v>55</v>
      </c>
      <c r="J91" s="11">
        <v>58</v>
      </c>
      <c r="K91" s="11">
        <v>54</v>
      </c>
      <c r="L91" s="11">
        <v>55</v>
      </c>
      <c r="M91" s="11">
        <v>57</v>
      </c>
      <c r="N91" s="22">
        <v>51</v>
      </c>
      <c r="O91" s="22">
        <v>39</v>
      </c>
      <c r="P91" s="22">
        <v>35</v>
      </c>
      <c r="Q91" s="22">
        <v>31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67</v>
      </c>
      <c r="H92" s="11">
        <v>51</v>
      </c>
      <c r="I92" s="11">
        <v>72</v>
      </c>
      <c r="J92" s="11">
        <v>66</v>
      </c>
      <c r="K92" s="11">
        <v>62</v>
      </c>
      <c r="L92" s="11">
        <v>49</v>
      </c>
      <c r="M92" s="11">
        <v>47</v>
      </c>
      <c r="N92" s="22">
        <v>46</v>
      </c>
      <c r="O92" s="22">
        <v>51</v>
      </c>
      <c r="P92" s="22">
        <v>51</v>
      </c>
      <c r="Q92" s="22">
        <v>50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67</v>
      </c>
      <c r="H93" s="11">
        <v>59</v>
      </c>
      <c r="I93" s="11">
        <v>52</v>
      </c>
      <c r="J93" s="11">
        <v>61</v>
      </c>
      <c r="K93" s="11">
        <v>65</v>
      </c>
      <c r="L93" s="11">
        <v>77</v>
      </c>
      <c r="M93" s="11">
        <v>75</v>
      </c>
      <c r="N93" s="22">
        <v>70</v>
      </c>
      <c r="O93" s="22">
        <v>65</v>
      </c>
      <c r="P93" s="22">
        <v>60</v>
      </c>
      <c r="Q93" s="22">
        <v>50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10</v>
      </c>
      <c r="H94" s="11">
        <v>62</v>
      </c>
      <c r="I94" s="11">
        <v>58</v>
      </c>
      <c r="J94" s="11">
        <v>54</v>
      </c>
      <c r="K94" s="11">
        <v>52</v>
      </c>
      <c r="L94" s="11">
        <v>52</v>
      </c>
      <c r="M94" s="11">
        <v>53</v>
      </c>
      <c r="N94" s="22">
        <v>54</v>
      </c>
      <c r="O94" s="22">
        <v>58</v>
      </c>
      <c r="P94" s="22">
        <v>66</v>
      </c>
      <c r="Q94" s="22">
        <v>76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130</v>
      </c>
      <c r="H95" s="11">
        <v>97</v>
      </c>
      <c r="I95" s="11">
        <v>62</v>
      </c>
      <c r="J95" s="11">
        <v>56</v>
      </c>
      <c r="K95" s="11">
        <v>55</v>
      </c>
      <c r="L95" s="11">
        <v>51</v>
      </c>
      <c r="M95" s="11">
        <v>53</v>
      </c>
      <c r="N95" s="22">
        <v>55</v>
      </c>
      <c r="O95" s="22">
        <v>53</v>
      </c>
      <c r="P95" s="22">
        <v>51</v>
      </c>
      <c r="Q95" s="22">
        <v>54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104</v>
      </c>
      <c r="H96" s="11">
        <v>119</v>
      </c>
      <c r="I96" s="11">
        <v>95</v>
      </c>
      <c r="J96" s="11">
        <v>87</v>
      </c>
      <c r="K96" s="11">
        <v>74</v>
      </c>
      <c r="L96" s="11">
        <v>71</v>
      </c>
      <c r="M96" s="11">
        <v>64</v>
      </c>
      <c r="N96" s="22">
        <v>65</v>
      </c>
      <c r="O96" s="22">
        <v>56</v>
      </c>
      <c r="P96" s="22">
        <v>55</v>
      </c>
      <c r="Q96" s="22">
        <v>50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89</v>
      </c>
      <c r="H97" s="14">
        <v>101</v>
      </c>
      <c r="I97" s="14">
        <v>116</v>
      </c>
      <c r="J97" s="14">
        <v>131</v>
      </c>
      <c r="K97" s="14">
        <v>118</v>
      </c>
      <c r="L97" s="14">
        <v>107</v>
      </c>
      <c r="M97" s="14">
        <v>102</v>
      </c>
      <c r="N97" s="23">
        <v>93</v>
      </c>
      <c r="O97" s="23">
        <v>86</v>
      </c>
      <c r="P97" s="23">
        <v>74</v>
      </c>
      <c r="Q97" s="23">
        <v>70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77</v>
      </c>
      <c r="H98" s="14">
        <v>80</v>
      </c>
      <c r="I98" s="14">
        <v>95</v>
      </c>
      <c r="J98" s="14">
        <v>81</v>
      </c>
      <c r="K98" s="14">
        <v>95</v>
      </c>
      <c r="L98" s="14">
        <v>100</v>
      </c>
      <c r="M98" s="14">
        <v>101</v>
      </c>
      <c r="N98" s="23">
        <v>106</v>
      </c>
      <c r="O98" s="23">
        <v>116</v>
      </c>
      <c r="P98" s="23">
        <v>107</v>
      </c>
      <c r="Q98" s="23">
        <v>99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90</v>
      </c>
      <c r="H99" s="14">
        <v>67</v>
      </c>
      <c r="I99" s="14">
        <v>65</v>
      </c>
      <c r="J99" s="14">
        <v>74</v>
      </c>
      <c r="K99" s="14">
        <v>76</v>
      </c>
      <c r="L99" s="14">
        <v>84</v>
      </c>
      <c r="M99" s="14">
        <v>84</v>
      </c>
      <c r="N99" s="23">
        <v>82</v>
      </c>
      <c r="O99" s="23">
        <v>69</v>
      </c>
      <c r="P99" s="23">
        <v>82</v>
      </c>
      <c r="Q99" s="23">
        <v>86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51</v>
      </c>
      <c r="H100" s="14">
        <v>62</v>
      </c>
      <c r="I100" s="14">
        <v>56</v>
      </c>
      <c r="J100" s="14">
        <v>49</v>
      </c>
      <c r="K100" s="14">
        <v>54</v>
      </c>
      <c r="L100" s="14">
        <v>49</v>
      </c>
      <c r="M100" s="14">
        <v>44</v>
      </c>
      <c r="N100" s="23">
        <v>49</v>
      </c>
      <c r="O100" s="23">
        <v>58</v>
      </c>
      <c r="P100" s="23">
        <v>63</v>
      </c>
      <c r="Q100" s="23">
        <v>65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24</v>
      </c>
      <c r="H101" s="14">
        <v>28</v>
      </c>
      <c r="I101" s="14">
        <v>43</v>
      </c>
      <c r="J101" s="14">
        <v>42</v>
      </c>
      <c r="K101" s="14">
        <v>45</v>
      </c>
      <c r="L101" s="14">
        <v>42</v>
      </c>
      <c r="M101" s="14">
        <v>41</v>
      </c>
      <c r="N101" s="23">
        <v>40</v>
      </c>
      <c r="O101" s="23">
        <v>37</v>
      </c>
      <c r="P101" s="23">
        <v>33</v>
      </c>
      <c r="Q101" s="23">
        <v>28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7</v>
      </c>
      <c r="H102" s="14">
        <v>10</v>
      </c>
      <c r="I102" s="14">
        <v>11</v>
      </c>
      <c r="J102" s="14">
        <v>15</v>
      </c>
      <c r="K102" s="14">
        <v>11</v>
      </c>
      <c r="L102" s="14">
        <v>14</v>
      </c>
      <c r="M102" s="14">
        <v>22</v>
      </c>
      <c r="N102" s="23">
        <v>21</v>
      </c>
      <c r="O102" s="23">
        <v>19</v>
      </c>
      <c r="P102" s="23">
        <v>20</v>
      </c>
      <c r="Q102" s="23">
        <v>23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2</v>
      </c>
      <c r="I103" s="14">
        <v>5</v>
      </c>
      <c r="J103" s="14">
        <v>3</v>
      </c>
      <c r="K103" s="14">
        <v>7</v>
      </c>
      <c r="L103" s="14">
        <v>6</v>
      </c>
      <c r="M103" s="14">
        <v>4</v>
      </c>
      <c r="N103" s="23">
        <v>2</v>
      </c>
      <c r="O103" s="23">
        <v>4</v>
      </c>
      <c r="P103" s="23">
        <v>2</v>
      </c>
      <c r="Q103" s="23">
        <v>2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1</v>
      </c>
      <c r="K104" s="14">
        <v>1</v>
      </c>
      <c r="L104" s="14">
        <v>1</v>
      </c>
      <c r="M104" s="14">
        <v>1</v>
      </c>
      <c r="N104" s="23">
        <v>2</v>
      </c>
      <c r="O104" s="23">
        <v>1</v>
      </c>
      <c r="P104" s="23">
        <v>1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332</v>
      </c>
      <c r="H105" s="17">
        <f t="shared" ref="H105:N105" si="10">SUM(H84:H104)</f>
        <v>1177</v>
      </c>
      <c r="I105" s="17">
        <f t="shared" si="10"/>
        <v>1091</v>
      </c>
      <c r="J105" s="17">
        <f t="shared" si="10"/>
        <v>1082</v>
      </c>
      <c r="K105" s="17">
        <f t="shared" si="10"/>
        <v>1063</v>
      </c>
      <c r="L105" s="17">
        <f t="shared" si="10"/>
        <v>1040</v>
      </c>
      <c r="M105" s="17">
        <f t="shared" si="10"/>
        <v>1019</v>
      </c>
      <c r="N105" s="17">
        <f t="shared" si="10"/>
        <v>998</v>
      </c>
      <c r="O105" s="17">
        <f>SUM(O84:O104)</f>
        <v>954</v>
      </c>
      <c r="P105" s="17">
        <f>SUM(P84:P104)</f>
        <v>934</v>
      </c>
      <c r="Q105" s="17">
        <f>SUM(Q84:Q104)</f>
        <v>914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121</v>
      </c>
      <c r="H110" s="8">
        <f t="shared" si="11"/>
        <v>134</v>
      </c>
      <c r="I110" s="8">
        <f t="shared" si="11"/>
        <v>111</v>
      </c>
      <c r="J110" s="8">
        <f t="shared" si="11"/>
        <v>108</v>
      </c>
      <c r="K110" s="8">
        <f t="shared" si="11"/>
        <v>101</v>
      </c>
      <c r="L110" s="8">
        <f t="shared" si="11"/>
        <v>101</v>
      </c>
      <c r="M110" s="8">
        <f t="shared" si="11"/>
        <v>97</v>
      </c>
      <c r="N110" s="8">
        <f t="shared" si="11"/>
        <v>92</v>
      </c>
      <c r="O110" s="8">
        <f t="shared" si="11"/>
        <v>79</v>
      </c>
      <c r="P110" s="8">
        <f t="shared" si="11"/>
        <v>71</v>
      </c>
      <c r="Q110" s="8">
        <v>68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873</v>
      </c>
      <c r="H111" s="11">
        <f t="shared" si="12"/>
        <v>693</v>
      </c>
      <c r="I111" s="11">
        <f t="shared" si="12"/>
        <v>589</v>
      </c>
      <c r="J111" s="11">
        <f t="shared" si="12"/>
        <v>578</v>
      </c>
      <c r="K111" s="11">
        <f t="shared" si="12"/>
        <v>555</v>
      </c>
      <c r="L111" s="11">
        <f t="shared" si="12"/>
        <v>536</v>
      </c>
      <c r="M111" s="11">
        <f t="shared" si="12"/>
        <v>523</v>
      </c>
      <c r="N111" s="11">
        <f t="shared" si="12"/>
        <v>511</v>
      </c>
      <c r="O111" s="11">
        <f t="shared" si="12"/>
        <v>485</v>
      </c>
      <c r="P111" s="11">
        <f t="shared" si="12"/>
        <v>481</v>
      </c>
      <c r="Q111" s="11">
        <v>473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338</v>
      </c>
      <c r="H112" s="14">
        <f t="shared" si="13"/>
        <v>350</v>
      </c>
      <c r="I112" s="14">
        <f t="shared" si="13"/>
        <v>391</v>
      </c>
      <c r="J112" s="14">
        <f t="shared" si="13"/>
        <v>396</v>
      </c>
      <c r="K112" s="14">
        <f t="shared" si="13"/>
        <v>407</v>
      </c>
      <c r="L112" s="14">
        <f t="shared" si="13"/>
        <v>403</v>
      </c>
      <c r="M112" s="14">
        <f t="shared" si="13"/>
        <v>399</v>
      </c>
      <c r="N112" s="14">
        <f t="shared" si="13"/>
        <v>395</v>
      </c>
      <c r="O112" s="14">
        <f t="shared" si="13"/>
        <v>390</v>
      </c>
      <c r="P112" s="14">
        <f t="shared" si="13"/>
        <v>382</v>
      </c>
      <c r="Q112" s="14">
        <v>373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332</v>
      </c>
      <c r="H113" s="17">
        <f t="shared" ref="H113:N113" si="14">SUM(H110:H112)</f>
        <v>1177</v>
      </c>
      <c r="I113" s="17">
        <f t="shared" si="14"/>
        <v>1091</v>
      </c>
      <c r="J113" s="17">
        <f t="shared" si="14"/>
        <v>1082</v>
      </c>
      <c r="K113" s="17">
        <f t="shared" si="14"/>
        <v>1063</v>
      </c>
      <c r="L113" s="17">
        <f t="shared" si="14"/>
        <v>1040</v>
      </c>
      <c r="M113" s="17">
        <f t="shared" si="14"/>
        <v>1019</v>
      </c>
      <c r="N113" s="17">
        <f t="shared" si="14"/>
        <v>998</v>
      </c>
      <c r="O113" s="17">
        <f>SUM(O110:O112)</f>
        <v>954</v>
      </c>
      <c r="P113" s="17">
        <f>SUM(P110:P112)</f>
        <v>934</v>
      </c>
      <c r="Q113" s="17">
        <f>SUM(Q110:Q112)</f>
        <v>914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71" t="s">
        <v>7</v>
      </c>
      <c r="C118" s="71" t="s">
        <v>7</v>
      </c>
      <c r="D118" s="71" t="s">
        <v>7</v>
      </c>
      <c r="E118" s="71" t="s">
        <v>7</v>
      </c>
      <c r="F118" s="71" t="s">
        <v>7</v>
      </c>
      <c r="G118" s="72">
        <f t="shared" ref="G118:Q118" si="15">ROUND(G110/G113*100,1)</f>
        <v>9.1</v>
      </c>
      <c r="H118" s="72">
        <f t="shared" si="15"/>
        <v>11.4</v>
      </c>
      <c r="I118" s="72">
        <f t="shared" si="15"/>
        <v>10.199999999999999</v>
      </c>
      <c r="J118" s="72">
        <f t="shared" si="15"/>
        <v>10</v>
      </c>
      <c r="K118" s="72">
        <f t="shared" si="15"/>
        <v>9.5</v>
      </c>
      <c r="L118" s="72">
        <f t="shared" si="15"/>
        <v>9.6999999999999993</v>
      </c>
      <c r="M118" s="72">
        <f t="shared" si="15"/>
        <v>9.5</v>
      </c>
      <c r="N118" s="72">
        <f t="shared" si="15"/>
        <v>9.1999999999999993</v>
      </c>
      <c r="O118" s="72">
        <f t="shared" si="15"/>
        <v>8.3000000000000007</v>
      </c>
      <c r="P118" s="72">
        <f t="shared" si="15"/>
        <v>7.6</v>
      </c>
      <c r="Q118" s="72">
        <f t="shared" si="15"/>
        <v>7.4</v>
      </c>
    </row>
    <row r="119" spans="1:17" ht="21.75" customHeight="1" x14ac:dyDescent="0.2">
      <c r="A119" s="9" t="s">
        <v>34</v>
      </c>
      <c r="B119" s="73" t="s">
        <v>7</v>
      </c>
      <c r="C119" s="73" t="s">
        <v>7</v>
      </c>
      <c r="D119" s="73" t="s">
        <v>7</v>
      </c>
      <c r="E119" s="73" t="s">
        <v>7</v>
      </c>
      <c r="F119" s="73" t="s">
        <v>7</v>
      </c>
      <c r="G119" s="74">
        <f t="shared" ref="G119:Q119" si="16">ROUND(G111/G113*100,1)</f>
        <v>65.5</v>
      </c>
      <c r="H119" s="74">
        <f t="shared" si="16"/>
        <v>58.9</v>
      </c>
      <c r="I119" s="74">
        <f t="shared" si="16"/>
        <v>54</v>
      </c>
      <c r="J119" s="74">
        <f t="shared" si="16"/>
        <v>53.4</v>
      </c>
      <c r="K119" s="74">
        <f t="shared" si="16"/>
        <v>52.2</v>
      </c>
      <c r="L119" s="74">
        <f t="shared" si="16"/>
        <v>51.5</v>
      </c>
      <c r="M119" s="74">
        <f t="shared" si="16"/>
        <v>51.3</v>
      </c>
      <c r="N119" s="74">
        <f t="shared" si="16"/>
        <v>51.2</v>
      </c>
      <c r="O119" s="74">
        <f t="shared" si="16"/>
        <v>50.8</v>
      </c>
      <c r="P119" s="74">
        <f t="shared" si="16"/>
        <v>51.5</v>
      </c>
      <c r="Q119" s="74">
        <f t="shared" si="16"/>
        <v>51.8</v>
      </c>
    </row>
    <row r="120" spans="1:17" ht="21.75" customHeight="1" x14ac:dyDescent="0.2">
      <c r="A120" s="12" t="s">
        <v>35</v>
      </c>
      <c r="B120" s="75" t="s">
        <v>7</v>
      </c>
      <c r="C120" s="75" t="s">
        <v>7</v>
      </c>
      <c r="D120" s="75" t="s">
        <v>7</v>
      </c>
      <c r="E120" s="75" t="s">
        <v>7</v>
      </c>
      <c r="F120" s="75" t="s">
        <v>7</v>
      </c>
      <c r="G120" s="76">
        <f t="shared" ref="G120:Q120" si="17">ROUND(G112/G113*100,1)</f>
        <v>25.4</v>
      </c>
      <c r="H120" s="76">
        <f t="shared" si="17"/>
        <v>29.7</v>
      </c>
      <c r="I120" s="76">
        <f t="shared" si="17"/>
        <v>35.799999999999997</v>
      </c>
      <c r="J120" s="76">
        <f t="shared" si="17"/>
        <v>36.6</v>
      </c>
      <c r="K120" s="76">
        <f t="shared" si="17"/>
        <v>38.299999999999997</v>
      </c>
      <c r="L120" s="76">
        <f t="shared" si="17"/>
        <v>38.799999999999997</v>
      </c>
      <c r="M120" s="76">
        <f t="shared" si="17"/>
        <v>39.200000000000003</v>
      </c>
      <c r="N120" s="76">
        <f t="shared" si="17"/>
        <v>39.6</v>
      </c>
      <c r="O120" s="76">
        <f t="shared" si="17"/>
        <v>40.9</v>
      </c>
      <c r="P120" s="76">
        <f t="shared" si="17"/>
        <v>40.9</v>
      </c>
      <c r="Q120" s="76">
        <f t="shared" si="17"/>
        <v>40.799999999999997</v>
      </c>
    </row>
    <row r="121" spans="1:17" ht="21.75" customHeight="1" x14ac:dyDescent="0.35">
      <c r="A121" s="5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5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5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5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5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5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3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57</v>
      </c>
      <c r="H130" s="8">
        <v>41</v>
      </c>
      <c r="I130" s="8">
        <v>36</v>
      </c>
      <c r="J130" s="8">
        <v>34</v>
      </c>
      <c r="K130" s="8">
        <v>22</v>
      </c>
      <c r="L130" s="8">
        <v>21</v>
      </c>
      <c r="M130" s="8">
        <v>19</v>
      </c>
      <c r="N130" s="21">
        <v>21</v>
      </c>
      <c r="O130" s="21">
        <v>17</v>
      </c>
      <c r="P130" s="21">
        <v>17</v>
      </c>
      <c r="Q130" s="21">
        <v>18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46</v>
      </c>
      <c r="H131" s="8">
        <v>53</v>
      </c>
      <c r="I131" s="8">
        <v>36</v>
      </c>
      <c r="J131" s="8">
        <v>35</v>
      </c>
      <c r="K131" s="8">
        <v>39</v>
      </c>
      <c r="L131" s="8">
        <v>38</v>
      </c>
      <c r="M131" s="8">
        <v>38</v>
      </c>
      <c r="N131" s="21">
        <v>32</v>
      </c>
      <c r="O131" s="21">
        <v>33</v>
      </c>
      <c r="P131" s="21">
        <v>21</v>
      </c>
      <c r="Q131" s="21">
        <v>20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42</v>
      </c>
      <c r="H132" s="8">
        <v>46</v>
      </c>
      <c r="I132" s="8">
        <v>46</v>
      </c>
      <c r="J132" s="8">
        <v>46</v>
      </c>
      <c r="K132" s="8">
        <v>40</v>
      </c>
      <c r="L132" s="8">
        <v>36</v>
      </c>
      <c r="M132" s="8">
        <v>36</v>
      </c>
      <c r="N132" s="21">
        <v>38</v>
      </c>
      <c r="O132" s="21">
        <v>32</v>
      </c>
      <c r="P132" s="21">
        <v>36</v>
      </c>
      <c r="Q132" s="21">
        <v>35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57</v>
      </c>
      <c r="H133" s="11">
        <v>40</v>
      </c>
      <c r="I133" s="11">
        <v>41</v>
      </c>
      <c r="J133" s="11">
        <v>37</v>
      </c>
      <c r="K133" s="11">
        <v>45</v>
      </c>
      <c r="L133" s="11">
        <v>46</v>
      </c>
      <c r="M133" s="11">
        <v>40</v>
      </c>
      <c r="N133" s="22">
        <v>41</v>
      </c>
      <c r="O133" s="22">
        <v>43</v>
      </c>
      <c r="P133" s="22">
        <v>39</v>
      </c>
      <c r="Q133" s="22">
        <v>33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74</v>
      </c>
      <c r="H134" s="11">
        <v>50</v>
      </c>
      <c r="I134" s="11">
        <v>33</v>
      </c>
      <c r="J134" s="11">
        <v>38</v>
      </c>
      <c r="K134" s="11">
        <v>36</v>
      </c>
      <c r="L134" s="11">
        <v>43</v>
      </c>
      <c r="M134" s="11">
        <v>33</v>
      </c>
      <c r="N134" s="22">
        <v>34</v>
      </c>
      <c r="O134" s="22">
        <v>29</v>
      </c>
      <c r="P134" s="22">
        <v>35</v>
      </c>
      <c r="Q134" s="22">
        <v>35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82</v>
      </c>
      <c r="H135" s="11">
        <v>54</v>
      </c>
      <c r="I135" s="11">
        <v>39</v>
      </c>
      <c r="J135" s="11">
        <v>32</v>
      </c>
      <c r="K135" s="11">
        <v>31</v>
      </c>
      <c r="L135" s="11">
        <v>31</v>
      </c>
      <c r="M135" s="11">
        <v>29</v>
      </c>
      <c r="N135" s="22">
        <v>26</v>
      </c>
      <c r="O135" s="22">
        <v>24</v>
      </c>
      <c r="P135" s="22">
        <v>22</v>
      </c>
      <c r="Q135" s="22">
        <v>28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72</v>
      </c>
      <c r="H136" s="11">
        <v>66</v>
      </c>
      <c r="I136" s="11">
        <v>40</v>
      </c>
      <c r="J136" s="11">
        <v>41</v>
      </c>
      <c r="K136" s="11">
        <v>37</v>
      </c>
      <c r="L136" s="11">
        <v>34</v>
      </c>
      <c r="M136" s="11">
        <v>30</v>
      </c>
      <c r="N136" s="22">
        <v>26</v>
      </c>
      <c r="O136" s="22">
        <v>26</v>
      </c>
      <c r="P136" s="22">
        <v>23</v>
      </c>
      <c r="Q136" s="22">
        <v>24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63</v>
      </c>
      <c r="H137" s="11">
        <v>71</v>
      </c>
      <c r="I137" s="11">
        <v>55</v>
      </c>
      <c r="J137" s="11">
        <v>57</v>
      </c>
      <c r="K137" s="11">
        <v>52</v>
      </c>
      <c r="L137" s="11">
        <v>43</v>
      </c>
      <c r="M137" s="11">
        <v>44</v>
      </c>
      <c r="N137" s="22">
        <v>44</v>
      </c>
      <c r="O137" s="22">
        <v>40</v>
      </c>
      <c r="P137" s="22">
        <v>31</v>
      </c>
      <c r="Q137" s="22">
        <v>27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57</v>
      </c>
      <c r="H138" s="11">
        <v>59</v>
      </c>
      <c r="I138" s="11">
        <v>64</v>
      </c>
      <c r="J138" s="11">
        <v>61</v>
      </c>
      <c r="K138" s="11">
        <v>61</v>
      </c>
      <c r="L138" s="11">
        <v>65</v>
      </c>
      <c r="M138" s="11">
        <v>56</v>
      </c>
      <c r="N138" s="22">
        <v>54</v>
      </c>
      <c r="O138" s="22">
        <v>52</v>
      </c>
      <c r="P138" s="22">
        <v>45</v>
      </c>
      <c r="Q138" s="22">
        <v>36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70</v>
      </c>
      <c r="H139" s="11">
        <v>50</v>
      </c>
      <c r="I139" s="11">
        <v>55</v>
      </c>
      <c r="J139" s="11">
        <v>53</v>
      </c>
      <c r="K139" s="11">
        <v>59</v>
      </c>
      <c r="L139" s="11">
        <v>64</v>
      </c>
      <c r="M139" s="11">
        <v>65</v>
      </c>
      <c r="N139" s="22">
        <v>55</v>
      </c>
      <c r="O139" s="22">
        <v>56</v>
      </c>
      <c r="P139" s="22">
        <v>54</v>
      </c>
      <c r="Q139" s="22">
        <v>58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100</v>
      </c>
      <c r="H140" s="11">
        <v>66</v>
      </c>
      <c r="I140" s="11">
        <v>48</v>
      </c>
      <c r="J140" s="11">
        <v>46</v>
      </c>
      <c r="K140" s="11">
        <v>48</v>
      </c>
      <c r="L140" s="11">
        <v>52</v>
      </c>
      <c r="M140" s="11">
        <v>49</v>
      </c>
      <c r="N140" s="22">
        <v>49</v>
      </c>
      <c r="O140" s="22">
        <v>49</v>
      </c>
      <c r="P140" s="22">
        <v>56</v>
      </c>
      <c r="Q140" s="22">
        <v>57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30</v>
      </c>
      <c r="H141" s="11">
        <v>95</v>
      </c>
      <c r="I141" s="11">
        <v>69</v>
      </c>
      <c r="J141" s="11">
        <v>64</v>
      </c>
      <c r="K141" s="11">
        <v>55</v>
      </c>
      <c r="L141" s="11">
        <v>38</v>
      </c>
      <c r="M141" s="11">
        <v>42</v>
      </c>
      <c r="N141" s="22">
        <v>45</v>
      </c>
      <c r="O141" s="22">
        <v>41</v>
      </c>
      <c r="P141" s="22">
        <v>47</v>
      </c>
      <c r="Q141" s="22">
        <v>50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29</v>
      </c>
      <c r="H142" s="11">
        <v>126</v>
      </c>
      <c r="I142" s="11">
        <v>93</v>
      </c>
      <c r="J142" s="11">
        <v>87</v>
      </c>
      <c r="K142" s="11">
        <v>79</v>
      </c>
      <c r="L142" s="11">
        <v>90</v>
      </c>
      <c r="M142" s="11">
        <v>78</v>
      </c>
      <c r="N142" s="22">
        <v>68</v>
      </c>
      <c r="O142" s="22">
        <v>63</v>
      </c>
      <c r="P142" s="22">
        <v>53</v>
      </c>
      <c r="Q142" s="22">
        <v>37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02</v>
      </c>
      <c r="H143" s="14">
        <v>126</v>
      </c>
      <c r="I143" s="14">
        <v>117</v>
      </c>
      <c r="J143" s="14">
        <v>126</v>
      </c>
      <c r="K143" s="14">
        <v>118</v>
      </c>
      <c r="L143" s="14">
        <v>90</v>
      </c>
      <c r="M143" s="14">
        <v>91</v>
      </c>
      <c r="N143" s="23">
        <v>88</v>
      </c>
      <c r="O143" s="23">
        <v>82</v>
      </c>
      <c r="P143" s="23">
        <v>76</v>
      </c>
      <c r="Q143" s="23">
        <v>87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18</v>
      </c>
      <c r="H144" s="14">
        <v>101</v>
      </c>
      <c r="I144" s="14">
        <v>124</v>
      </c>
      <c r="J144" s="14">
        <v>109</v>
      </c>
      <c r="K144" s="14">
        <v>107</v>
      </c>
      <c r="L144" s="14">
        <v>120</v>
      </c>
      <c r="M144" s="14">
        <v>117</v>
      </c>
      <c r="N144" s="23">
        <v>115</v>
      </c>
      <c r="O144" s="23">
        <v>120</v>
      </c>
      <c r="P144" s="23">
        <v>114</v>
      </c>
      <c r="Q144" s="23">
        <v>84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112</v>
      </c>
      <c r="H145" s="14">
        <v>110</v>
      </c>
      <c r="I145" s="14">
        <v>93</v>
      </c>
      <c r="J145" s="14">
        <v>94</v>
      </c>
      <c r="K145" s="14">
        <v>100</v>
      </c>
      <c r="L145" s="14">
        <v>101</v>
      </c>
      <c r="M145" s="14">
        <v>108</v>
      </c>
      <c r="N145" s="23">
        <v>114</v>
      </c>
      <c r="O145" s="23">
        <v>104</v>
      </c>
      <c r="P145" s="23">
        <v>101</v>
      </c>
      <c r="Q145" s="23">
        <v>118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81</v>
      </c>
      <c r="H146" s="14">
        <v>97</v>
      </c>
      <c r="I146" s="14">
        <v>95</v>
      </c>
      <c r="J146" s="14">
        <v>97</v>
      </c>
      <c r="K146" s="14">
        <v>90</v>
      </c>
      <c r="L146" s="14">
        <v>93</v>
      </c>
      <c r="M146" s="14">
        <v>88</v>
      </c>
      <c r="N146" s="23">
        <v>85</v>
      </c>
      <c r="O146" s="23">
        <v>87</v>
      </c>
      <c r="P146" s="23">
        <v>92</v>
      </c>
      <c r="Q146" s="23">
        <v>88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75</v>
      </c>
      <c r="H147" s="14">
        <v>60</v>
      </c>
      <c r="I147" s="14">
        <v>75</v>
      </c>
      <c r="J147" s="14">
        <v>73</v>
      </c>
      <c r="K147" s="14">
        <v>78</v>
      </c>
      <c r="L147" s="14">
        <v>83</v>
      </c>
      <c r="M147" s="14">
        <v>85</v>
      </c>
      <c r="N147" s="23">
        <v>82</v>
      </c>
      <c r="O147" s="23">
        <v>84</v>
      </c>
      <c r="P147" s="23">
        <v>72</v>
      </c>
      <c r="Q147" s="23">
        <v>71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24</v>
      </c>
      <c r="H148" s="14">
        <v>37</v>
      </c>
      <c r="I148" s="14">
        <v>37</v>
      </c>
      <c r="J148" s="14">
        <v>44</v>
      </c>
      <c r="K148" s="14">
        <v>46</v>
      </c>
      <c r="L148" s="14">
        <v>45</v>
      </c>
      <c r="M148" s="14">
        <v>45</v>
      </c>
      <c r="N148" s="23">
        <v>45</v>
      </c>
      <c r="O148" s="23">
        <v>46</v>
      </c>
      <c r="P148" s="23">
        <v>50</v>
      </c>
      <c r="Q148" s="23">
        <v>51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6</v>
      </c>
      <c r="H149" s="14">
        <v>12</v>
      </c>
      <c r="I149" s="14">
        <v>16</v>
      </c>
      <c r="J149" s="14">
        <v>15</v>
      </c>
      <c r="K149" s="14">
        <v>10</v>
      </c>
      <c r="L149" s="14">
        <v>13</v>
      </c>
      <c r="M149" s="14">
        <v>14</v>
      </c>
      <c r="N149" s="23">
        <v>17</v>
      </c>
      <c r="O149" s="23">
        <v>22</v>
      </c>
      <c r="P149" s="23">
        <v>25</v>
      </c>
      <c r="Q149" s="23">
        <v>17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0</v>
      </c>
      <c r="I150" s="14">
        <v>5</v>
      </c>
      <c r="J150" s="14">
        <v>3</v>
      </c>
      <c r="K150" s="14">
        <v>3</v>
      </c>
      <c r="L150" s="14">
        <v>3</v>
      </c>
      <c r="M150" s="14">
        <v>2</v>
      </c>
      <c r="N150" s="23">
        <v>1</v>
      </c>
      <c r="O150" s="23">
        <v>1</v>
      </c>
      <c r="P150" s="23">
        <v>3</v>
      </c>
      <c r="Q150" s="23">
        <v>4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497</v>
      </c>
      <c r="H151" s="17">
        <f t="shared" ref="H151:N151" si="18">SUM(H130:H150)</f>
        <v>1360</v>
      </c>
      <c r="I151" s="17">
        <f t="shared" si="18"/>
        <v>1217</v>
      </c>
      <c r="J151" s="17">
        <f t="shared" si="18"/>
        <v>1192</v>
      </c>
      <c r="K151" s="17">
        <f t="shared" si="18"/>
        <v>1156</v>
      </c>
      <c r="L151" s="17">
        <f t="shared" si="18"/>
        <v>1149</v>
      </c>
      <c r="M151" s="17">
        <f t="shared" si="18"/>
        <v>1109</v>
      </c>
      <c r="N151" s="17">
        <f t="shared" si="18"/>
        <v>1080</v>
      </c>
      <c r="O151" s="17">
        <f>SUM(O130:O150)</f>
        <v>1051</v>
      </c>
      <c r="P151" s="17">
        <f>SUM(P130:P150)</f>
        <v>1012</v>
      </c>
      <c r="Q151" s="17">
        <f>SUM(Q130:Q150)</f>
        <v>978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45</v>
      </c>
      <c r="H156" s="8">
        <f t="shared" si="19"/>
        <v>140</v>
      </c>
      <c r="I156" s="8">
        <f t="shared" si="19"/>
        <v>118</v>
      </c>
      <c r="J156" s="8">
        <f t="shared" si="19"/>
        <v>115</v>
      </c>
      <c r="K156" s="8">
        <f t="shared" si="19"/>
        <v>101</v>
      </c>
      <c r="L156" s="8">
        <f t="shared" si="19"/>
        <v>95</v>
      </c>
      <c r="M156" s="8">
        <f t="shared" si="19"/>
        <v>93</v>
      </c>
      <c r="N156" s="8">
        <f t="shared" si="19"/>
        <v>91</v>
      </c>
      <c r="O156" s="8">
        <f t="shared" si="19"/>
        <v>82</v>
      </c>
      <c r="P156" s="8">
        <f t="shared" si="19"/>
        <v>74</v>
      </c>
      <c r="Q156" s="8">
        <v>73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834</v>
      </c>
      <c r="H157" s="11">
        <f t="shared" si="20"/>
        <v>677</v>
      </c>
      <c r="I157" s="11">
        <f t="shared" si="20"/>
        <v>537</v>
      </c>
      <c r="J157" s="11">
        <f t="shared" si="20"/>
        <v>516</v>
      </c>
      <c r="K157" s="11">
        <f t="shared" si="20"/>
        <v>503</v>
      </c>
      <c r="L157" s="11">
        <f t="shared" si="20"/>
        <v>506</v>
      </c>
      <c r="M157" s="11">
        <f t="shared" si="20"/>
        <v>466</v>
      </c>
      <c r="N157" s="11">
        <f t="shared" si="20"/>
        <v>442</v>
      </c>
      <c r="O157" s="11">
        <f t="shared" si="20"/>
        <v>423</v>
      </c>
      <c r="P157" s="11">
        <f t="shared" si="20"/>
        <v>405</v>
      </c>
      <c r="Q157" s="11">
        <v>385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518</v>
      </c>
      <c r="H158" s="14">
        <f t="shared" si="21"/>
        <v>543</v>
      </c>
      <c r="I158" s="14">
        <f t="shared" si="21"/>
        <v>562</v>
      </c>
      <c r="J158" s="14">
        <f t="shared" si="21"/>
        <v>561</v>
      </c>
      <c r="K158" s="14">
        <f t="shared" si="21"/>
        <v>552</v>
      </c>
      <c r="L158" s="14">
        <f t="shared" si="21"/>
        <v>548</v>
      </c>
      <c r="M158" s="14">
        <f t="shared" si="21"/>
        <v>550</v>
      </c>
      <c r="N158" s="14">
        <f t="shared" si="21"/>
        <v>547</v>
      </c>
      <c r="O158" s="14">
        <f t="shared" si="21"/>
        <v>546</v>
      </c>
      <c r="P158" s="14">
        <f t="shared" si="21"/>
        <v>533</v>
      </c>
      <c r="Q158" s="14">
        <v>520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497</v>
      </c>
      <c r="H159" s="17">
        <f t="shared" ref="H159:N159" si="22">SUM(H156:H158)</f>
        <v>1360</v>
      </c>
      <c r="I159" s="17">
        <f t="shared" si="22"/>
        <v>1217</v>
      </c>
      <c r="J159" s="17">
        <f t="shared" si="22"/>
        <v>1192</v>
      </c>
      <c r="K159" s="17">
        <f t="shared" si="22"/>
        <v>1156</v>
      </c>
      <c r="L159" s="17">
        <f t="shared" si="22"/>
        <v>1149</v>
      </c>
      <c r="M159" s="17">
        <f t="shared" si="22"/>
        <v>1109</v>
      </c>
      <c r="N159" s="17">
        <f t="shared" si="22"/>
        <v>1080</v>
      </c>
      <c r="O159" s="17">
        <f>SUM(O156:O158)</f>
        <v>1051</v>
      </c>
      <c r="P159" s="17">
        <f>SUM(P156:P158)</f>
        <v>1012</v>
      </c>
      <c r="Q159" s="17">
        <f>SUM(Q156:Q158)</f>
        <v>978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71" t="s">
        <v>7</v>
      </c>
      <c r="C164" s="71" t="s">
        <v>7</v>
      </c>
      <c r="D164" s="71" t="s">
        <v>7</v>
      </c>
      <c r="E164" s="71" t="s">
        <v>7</v>
      </c>
      <c r="F164" s="71" t="s">
        <v>7</v>
      </c>
      <c r="G164" s="72">
        <f t="shared" ref="G164:Q164" si="23">ROUND(G156/G159*100,1)</f>
        <v>9.6999999999999993</v>
      </c>
      <c r="H164" s="72">
        <f t="shared" si="23"/>
        <v>10.3</v>
      </c>
      <c r="I164" s="72">
        <f t="shared" si="23"/>
        <v>9.6999999999999993</v>
      </c>
      <c r="J164" s="72">
        <f t="shared" si="23"/>
        <v>9.6</v>
      </c>
      <c r="K164" s="72">
        <f t="shared" si="23"/>
        <v>8.6999999999999993</v>
      </c>
      <c r="L164" s="72">
        <f t="shared" si="23"/>
        <v>8.3000000000000007</v>
      </c>
      <c r="M164" s="72">
        <f t="shared" si="23"/>
        <v>8.4</v>
      </c>
      <c r="N164" s="72">
        <f t="shared" si="23"/>
        <v>8.4</v>
      </c>
      <c r="O164" s="72">
        <f t="shared" si="23"/>
        <v>7.8</v>
      </c>
      <c r="P164" s="72">
        <f t="shared" si="23"/>
        <v>7.3</v>
      </c>
      <c r="Q164" s="72">
        <f t="shared" si="23"/>
        <v>7.5</v>
      </c>
    </row>
    <row r="165" spans="1:20" ht="21.75" customHeight="1" x14ac:dyDescent="0.2">
      <c r="A165" s="9" t="s">
        <v>34</v>
      </c>
      <c r="B165" s="73" t="s">
        <v>7</v>
      </c>
      <c r="C165" s="73" t="s">
        <v>7</v>
      </c>
      <c r="D165" s="73" t="s">
        <v>7</v>
      </c>
      <c r="E165" s="73" t="s">
        <v>7</v>
      </c>
      <c r="F165" s="73" t="s">
        <v>7</v>
      </c>
      <c r="G165" s="74">
        <f t="shared" ref="G165:Q165" si="24">ROUND(G157/G159*100,1)</f>
        <v>55.7</v>
      </c>
      <c r="H165" s="74">
        <f t="shared" si="24"/>
        <v>49.8</v>
      </c>
      <c r="I165" s="74">
        <f t="shared" si="24"/>
        <v>44.1</v>
      </c>
      <c r="J165" s="74">
        <f t="shared" si="24"/>
        <v>43.3</v>
      </c>
      <c r="K165" s="74">
        <f t="shared" si="24"/>
        <v>43.5</v>
      </c>
      <c r="L165" s="74">
        <f t="shared" si="24"/>
        <v>44</v>
      </c>
      <c r="M165" s="74">
        <f t="shared" si="24"/>
        <v>42</v>
      </c>
      <c r="N165" s="74">
        <f t="shared" si="24"/>
        <v>40.9</v>
      </c>
      <c r="O165" s="74">
        <f t="shared" si="24"/>
        <v>40.200000000000003</v>
      </c>
      <c r="P165" s="74">
        <f t="shared" si="24"/>
        <v>40</v>
      </c>
      <c r="Q165" s="74">
        <f t="shared" si="24"/>
        <v>39.4</v>
      </c>
    </row>
    <row r="166" spans="1:20" ht="21.75" customHeight="1" x14ac:dyDescent="0.2">
      <c r="A166" s="12" t="s">
        <v>35</v>
      </c>
      <c r="B166" s="75" t="s">
        <v>7</v>
      </c>
      <c r="C166" s="75" t="s">
        <v>7</v>
      </c>
      <c r="D166" s="75" t="s">
        <v>7</v>
      </c>
      <c r="E166" s="75" t="s">
        <v>7</v>
      </c>
      <c r="F166" s="75" t="s">
        <v>7</v>
      </c>
      <c r="G166" s="76">
        <f t="shared" ref="G166:Q166" si="25">ROUND(G158/G159*100,1)</f>
        <v>34.6</v>
      </c>
      <c r="H166" s="76">
        <f t="shared" si="25"/>
        <v>39.9</v>
      </c>
      <c r="I166" s="76">
        <f t="shared" si="25"/>
        <v>46.2</v>
      </c>
      <c r="J166" s="76">
        <f t="shared" si="25"/>
        <v>47.1</v>
      </c>
      <c r="K166" s="76">
        <f t="shared" si="25"/>
        <v>47.8</v>
      </c>
      <c r="L166" s="76">
        <f t="shared" si="25"/>
        <v>47.7</v>
      </c>
      <c r="M166" s="76">
        <f t="shared" si="25"/>
        <v>49.6</v>
      </c>
      <c r="N166" s="76">
        <f t="shared" si="25"/>
        <v>50.6</v>
      </c>
      <c r="O166" s="76">
        <f t="shared" si="25"/>
        <v>52</v>
      </c>
      <c r="P166" s="76">
        <f t="shared" si="25"/>
        <v>52.7</v>
      </c>
      <c r="Q166" s="76">
        <f t="shared" si="25"/>
        <v>53.2</v>
      </c>
    </row>
    <row r="167" spans="1:20" ht="21.75" customHeight="1" x14ac:dyDescent="0.2">
      <c r="A167" s="5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66"/>
      <c r="B168" s="66"/>
      <c r="C168" s="66"/>
      <c r="D168" s="66"/>
      <c r="E168" s="66"/>
      <c r="F168" s="66"/>
      <c r="G168" s="66"/>
      <c r="H168" s="66"/>
      <c r="I168" s="66"/>
      <c r="J168" s="66"/>
      <c r="K168" s="66"/>
      <c r="L168" s="66"/>
      <c r="M168" s="66"/>
      <c r="N168" s="66"/>
      <c r="O168" s="66"/>
      <c r="P168" s="66"/>
      <c r="Q168" s="66"/>
      <c r="R168" s="66"/>
      <c r="S168" s="66"/>
      <c r="T168" s="6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5" man="1"/>
  </rowBreaks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F0ADC5-0101-4845-A5A5-514C35FD8971}">
  <sheetPr codeName="Sheet102"/>
  <dimension ref="A1:T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71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1013</v>
      </c>
      <c r="H5" s="8">
        <f t="shared" si="0"/>
        <v>810</v>
      </c>
      <c r="I5" s="8">
        <f t="shared" si="0"/>
        <v>632</v>
      </c>
      <c r="J5" s="8">
        <f t="shared" si="0"/>
        <v>625</v>
      </c>
      <c r="K5" s="8">
        <f t="shared" si="0"/>
        <v>615</v>
      </c>
      <c r="L5" s="8">
        <f t="shared" si="0"/>
        <v>590</v>
      </c>
      <c r="M5" s="8">
        <f t="shared" si="0"/>
        <v>557</v>
      </c>
      <c r="N5" s="8">
        <f t="shared" si="0"/>
        <v>511</v>
      </c>
      <c r="O5" s="8">
        <f t="shared" si="0"/>
        <v>458</v>
      </c>
      <c r="P5" s="8">
        <f t="shared" si="0"/>
        <v>405</v>
      </c>
      <c r="Q5" s="8">
        <f t="shared" si="0"/>
        <v>353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1080</v>
      </c>
      <c r="H6" s="8">
        <f t="shared" si="0"/>
        <v>996</v>
      </c>
      <c r="I6" s="8">
        <f t="shared" si="0"/>
        <v>805</v>
      </c>
      <c r="J6" s="8">
        <f t="shared" si="0"/>
        <v>749</v>
      </c>
      <c r="K6" s="8">
        <f t="shared" si="0"/>
        <v>735</v>
      </c>
      <c r="L6" s="8">
        <f t="shared" si="0"/>
        <v>704</v>
      </c>
      <c r="M6" s="8">
        <f t="shared" si="0"/>
        <v>675</v>
      </c>
      <c r="N6" s="8">
        <f t="shared" si="0"/>
        <v>637</v>
      </c>
      <c r="O6" s="8">
        <f t="shared" si="0"/>
        <v>617</v>
      </c>
      <c r="P6" s="8">
        <f t="shared" si="0"/>
        <v>602</v>
      </c>
      <c r="Q6" s="8">
        <f t="shared" si="0"/>
        <v>565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947</v>
      </c>
      <c r="H7" s="8">
        <f t="shared" si="0"/>
        <v>1073</v>
      </c>
      <c r="I7" s="8">
        <f t="shared" si="0"/>
        <v>985</v>
      </c>
      <c r="J7" s="8">
        <f t="shared" si="0"/>
        <v>959</v>
      </c>
      <c r="K7" s="8">
        <f t="shared" si="0"/>
        <v>901</v>
      </c>
      <c r="L7" s="8">
        <f t="shared" si="0"/>
        <v>872</v>
      </c>
      <c r="M7" s="8">
        <f t="shared" si="0"/>
        <v>824</v>
      </c>
      <c r="N7" s="8">
        <f t="shared" si="0"/>
        <v>811</v>
      </c>
      <c r="O7" s="8">
        <f t="shared" si="0"/>
        <v>747</v>
      </c>
      <c r="P7" s="8">
        <f t="shared" si="0"/>
        <v>719</v>
      </c>
      <c r="Q7" s="8">
        <f t="shared" si="0"/>
        <v>687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1119</v>
      </c>
      <c r="H8" s="11">
        <f t="shared" si="0"/>
        <v>930</v>
      </c>
      <c r="I8" s="11">
        <f t="shared" si="0"/>
        <v>1035</v>
      </c>
      <c r="J8" s="11">
        <f t="shared" si="0"/>
        <v>1038</v>
      </c>
      <c r="K8" s="11">
        <f t="shared" si="0"/>
        <v>1037</v>
      </c>
      <c r="L8" s="11">
        <f t="shared" si="0"/>
        <v>1012</v>
      </c>
      <c r="M8" s="11">
        <f t="shared" si="0"/>
        <v>995</v>
      </c>
      <c r="N8" s="11">
        <f t="shared" si="0"/>
        <v>942</v>
      </c>
      <c r="O8" s="11">
        <f t="shared" si="0"/>
        <v>924</v>
      </c>
      <c r="P8" s="11">
        <f t="shared" si="0"/>
        <v>854</v>
      </c>
      <c r="Q8" s="11">
        <f t="shared" si="0"/>
        <v>830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1195</v>
      </c>
      <c r="H9" s="11">
        <f t="shared" si="0"/>
        <v>1011</v>
      </c>
      <c r="I9" s="11">
        <f t="shared" si="0"/>
        <v>825</v>
      </c>
      <c r="J9" s="11">
        <f t="shared" si="0"/>
        <v>882</v>
      </c>
      <c r="K9" s="11">
        <f t="shared" si="0"/>
        <v>902</v>
      </c>
      <c r="L9" s="11">
        <f t="shared" si="0"/>
        <v>940</v>
      </c>
      <c r="M9" s="11">
        <f t="shared" si="0"/>
        <v>969</v>
      </c>
      <c r="N9" s="11">
        <f t="shared" si="0"/>
        <v>993</v>
      </c>
      <c r="O9" s="11">
        <f t="shared" si="0"/>
        <v>961</v>
      </c>
      <c r="P9" s="11">
        <f t="shared" si="0"/>
        <v>961</v>
      </c>
      <c r="Q9" s="11">
        <f t="shared" si="0"/>
        <v>906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1349</v>
      </c>
      <c r="H10" s="11">
        <f t="shared" si="0"/>
        <v>1052</v>
      </c>
      <c r="I10" s="11">
        <f t="shared" si="0"/>
        <v>907</v>
      </c>
      <c r="J10" s="11">
        <f t="shared" si="0"/>
        <v>859</v>
      </c>
      <c r="K10" s="11">
        <f t="shared" si="0"/>
        <v>826</v>
      </c>
      <c r="L10" s="11">
        <f t="shared" si="0"/>
        <v>792</v>
      </c>
      <c r="M10" s="11">
        <f t="shared" si="0"/>
        <v>734</v>
      </c>
      <c r="N10" s="11">
        <f t="shared" si="0"/>
        <v>733</v>
      </c>
      <c r="O10" s="11">
        <f t="shared" si="0"/>
        <v>728</v>
      </c>
      <c r="P10" s="11">
        <f t="shared" si="0"/>
        <v>723</v>
      </c>
      <c r="Q10" s="11">
        <f t="shared" si="0"/>
        <v>762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1508</v>
      </c>
      <c r="H11" s="11">
        <f t="shared" si="0"/>
        <v>1233</v>
      </c>
      <c r="I11" s="11">
        <f t="shared" si="0"/>
        <v>995</v>
      </c>
      <c r="J11" s="11">
        <f t="shared" si="0"/>
        <v>972</v>
      </c>
      <c r="K11" s="11">
        <f t="shared" si="0"/>
        <v>955</v>
      </c>
      <c r="L11" s="11">
        <f t="shared" si="0"/>
        <v>906</v>
      </c>
      <c r="M11" s="11">
        <f t="shared" si="0"/>
        <v>829</v>
      </c>
      <c r="N11" s="11">
        <f t="shared" si="0"/>
        <v>771</v>
      </c>
      <c r="O11" s="11">
        <f t="shared" si="0"/>
        <v>724</v>
      </c>
      <c r="P11" s="11">
        <f t="shared" si="0"/>
        <v>663</v>
      </c>
      <c r="Q11" s="11">
        <f t="shared" si="0"/>
        <v>652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224</v>
      </c>
      <c r="H12" s="11">
        <f t="shared" si="0"/>
        <v>1450</v>
      </c>
      <c r="I12" s="11">
        <f t="shared" si="0"/>
        <v>1177</v>
      </c>
      <c r="J12" s="11">
        <f t="shared" si="0"/>
        <v>1140</v>
      </c>
      <c r="K12" s="11">
        <f t="shared" si="0"/>
        <v>1125</v>
      </c>
      <c r="L12" s="11">
        <f t="shared" si="0"/>
        <v>1083</v>
      </c>
      <c r="M12" s="11">
        <f t="shared" si="0"/>
        <v>1031</v>
      </c>
      <c r="N12" s="11">
        <f t="shared" si="0"/>
        <v>994</v>
      </c>
      <c r="O12" s="11">
        <f t="shared" si="0"/>
        <v>898</v>
      </c>
      <c r="P12" s="11">
        <f t="shared" si="0"/>
        <v>858</v>
      </c>
      <c r="Q12" s="11">
        <f t="shared" si="0"/>
        <v>774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208</v>
      </c>
      <c r="H13" s="11">
        <f t="shared" si="0"/>
        <v>1213</v>
      </c>
      <c r="I13" s="11">
        <f t="shared" si="0"/>
        <v>1426</v>
      </c>
      <c r="J13" s="11">
        <f t="shared" si="0"/>
        <v>1394</v>
      </c>
      <c r="K13" s="11">
        <f t="shared" si="0"/>
        <v>1341</v>
      </c>
      <c r="L13" s="11">
        <f t="shared" si="0"/>
        <v>1266</v>
      </c>
      <c r="M13" s="11">
        <f t="shared" si="0"/>
        <v>1223</v>
      </c>
      <c r="N13" s="11">
        <f t="shared" si="0"/>
        <v>1140</v>
      </c>
      <c r="O13" s="11">
        <f t="shared" si="0"/>
        <v>1091</v>
      </c>
      <c r="P13" s="11">
        <f t="shared" si="0"/>
        <v>1075</v>
      </c>
      <c r="Q13" s="11">
        <f t="shared" si="0"/>
        <v>1032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272</v>
      </c>
      <c r="H14" s="11">
        <f t="shared" si="0"/>
        <v>1187</v>
      </c>
      <c r="I14" s="11">
        <f t="shared" si="0"/>
        <v>1218</v>
      </c>
      <c r="J14" s="11">
        <f t="shared" si="0"/>
        <v>1299</v>
      </c>
      <c r="K14" s="11">
        <f t="shared" si="0"/>
        <v>1348</v>
      </c>
      <c r="L14" s="11">
        <f t="shared" si="0"/>
        <v>1402</v>
      </c>
      <c r="M14" s="11">
        <f t="shared" si="0"/>
        <v>1414</v>
      </c>
      <c r="N14" s="11">
        <f t="shared" si="0"/>
        <v>1397</v>
      </c>
      <c r="O14" s="11">
        <f t="shared" si="0"/>
        <v>1371</v>
      </c>
      <c r="P14" s="11">
        <f t="shared" si="0"/>
        <v>1290</v>
      </c>
      <c r="Q14" s="11">
        <f t="shared" si="0"/>
        <v>1215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1708</v>
      </c>
      <c r="H15" s="11">
        <f t="shared" si="0"/>
        <v>1241</v>
      </c>
      <c r="I15" s="11">
        <f t="shared" si="0"/>
        <v>1187</v>
      </c>
      <c r="J15" s="11">
        <f t="shared" si="0"/>
        <v>1112</v>
      </c>
      <c r="K15" s="11">
        <f t="shared" si="0"/>
        <v>1124</v>
      </c>
      <c r="L15" s="11">
        <f t="shared" si="0"/>
        <v>1156</v>
      </c>
      <c r="M15" s="11">
        <f t="shared" si="0"/>
        <v>1146</v>
      </c>
      <c r="N15" s="11">
        <f t="shared" si="0"/>
        <v>1190</v>
      </c>
      <c r="O15" s="11">
        <f t="shared" si="0"/>
        <v>1275</v>
      </c>
      <c r="P15" s="11">
        <f t="shared" si="0"/>
        <v>1319</v>
      </c>
      <c r="Q15" s="11">
        <f t="shared" si="0"/>
        <v>1372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897</v>
      </c>
      <c r="H16" s="11">
        <f t="shared" si="0"/>
        <v>1683</v>
      </c>
      <c r="I16" s="11">
        <f t="shared" si="0"/>
        <v>1250</v>
      </c>
      <c r="J16" s="11">
        <f t="shared" si="0"/>
        <v>1241</v>
      </c>
      <c r="K16" s="11">
        <f t="shared" si="0"/>
        <v>1195</v>
      </c>
      <c r="L16" s="11">
        <f t="shared" si="0"/>
        <v>1162</v>
      </c>
      <c r="M16" s="11">
        <f t="shared" si="0"/>
        <v>1182</v>
      </c>
      <c r="N16" s="11">
        <f t="shared" si="0"/>
        <v>1176</v>
      </c>
      <c r="O16" s="11">
        <f t="shared" si="0"/>
        <v>1097</v>
      </c>
      <c r="P16" s="11">
        <f t="shared" si="0"/>
        <v>1117</v>
      </c>
      <c r="Q16" s="11">
        <f t="shared" si="0"/>
        <v>1135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393</v>
      </c>
      <c r="H17" s="11">
        <f t="shared" si="0"/>
        <v>1872</v>
      </c>
      <c r="I17" s="11">
        <f t="shared" si="0"/>
        <v>1682</v>
      </c>
      <c r="J17" s="11">
        <f t="shared" si="0"/>
        <v>1577</v>
      </c>
      <c r="K17" s="11">
        <f t="shared" si="0"/>
        <v>1490</v>
      </c>
      <c r="L17" s="11">
        <f t="shared" si="0"/>
        <v>1410</v>
      </c>
      <c r="M17" s="11">
        <f t="shared" si="0"/>
        <v>1298</v>
      </c>
      <c r="N17" s="11">
        <f t="shared" si="0"/>
        <v>1239</v>
      </c>
      <c r="O17" s="11">
        <f t="shared" si="0"/>
        <v>1217</v>
      </c>
      <c r="P17" s="11">
        <f t="shared" si="0"/>
        <v>1176</v>
      </c>
      <c r="Q17" s="11">
        <f t="shared" si="0"/>
        <v>1144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312</v>
      </c>
      <c r="H18" s="14">
        <f t="shared" si="0"/>
        <v>1355</v>
      </c>
      <c r="I18" s="14">
        <f t="shared" si="0"/>
        <v>1838</v>
      </c>
      <c r="J18" s="14">
        <f t="shared" si="0"/>
        <v>1984</v>
      </c>
      <c r="K18" s="14">
        <f t="shared" si="0"/>
        <v>1910</v>
      </c>
      <c r="L18" s="14">
        <f t="shared" si="0"/>
        <v>1808</v>
      </c>
      <c r="M18" s="14">
        <f t="shared" si="0"/>
        <v>1718</v>
      </c>
      <c r="N18" s="14">
        <f t="shared" si="0"/>
        <v>1641</v>
      </c>
      <c r="O18" s="14">
        <f t="shared" si="0"/>
        <v>1539</v>
      </c>
      <c r="P18" s="14">
        <f t="shared" si="0"/>
        <v>1452</v>
      </c>
      <c r="Q18" s="14">
        <f t="shared" si="0"/>
        <v>1384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352</v>
      </c>
      <c r="H19" s="14">
        <f t="shared" si="0"/>
        <v>1241</v>
      </c>
      <c r="I19" s="14">
        <f t="shared" si="0"/>
        <v>1294</v>
      </c>
      <c r="J19" s="14">
        <f t="shared" si="0"/>
        <v>1213</v>
      </c>
      <c r="K19" s="14">
        <f t="shared" si="0"/>
        <v>1329</v>
      </c>
      <c r="L19" s="14">
        <f t="shared" si="0"/>
        <v>1480</v>
      </c>
      <c r="M19" s="14">
        <f t="shared" si="0"/>
        <v>1607</v>
      </c>
      <c r="N19" s="14">
        <f t="shared" si="0"/>
        <v>1755</v>
      </c>
      <c r="O19" s="14">
        <f t="shared" si="0"/>
        <v>1893</v>
      </c>
      <c r="P19" s="14">
        <f t="shared" si="0"/>
        <v>1821</v>
      </c>
      <c r="Q19" s="14">
        <f t="shared" si="0"/>
        <v>1705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254</v>
      </c>
      <c r="H20" s="14">
        <f t="shared" si="0"/>
        <v>1220</v>
      </c>
      <c r="I20" s="14">
        <f t="shared" si="0"/>
        <v>1093</v>
      </c>
      <c r="J20" s="14">
        <f t="shared" si="0"/>
        <v>1094</v>
      </c>
      <c r="K20" s="14">
        <f t="shared" si="0"/>
        <v>1122</v>
      </c>
      <c r="L20" s="14">
        <f t="shared" si="0"/>
        <v>1127</v>
      </c>
      <c r="M20" s="14">
        <f t="shared" si="0"/>
        <v>1182</v>
      </c>
      <c r="N20" s="14">
        <f t="shared" si="0"/>
        <v>1189</v>
      </c>
      <c r="O20" s="14">
        <f t="shared" si="0"/>
        <v>1113</v>
      </c>
      <c r="P20" s="14">
        <f t="shared" si="0"/>
        <v>1226</v>
      </c>
      <c r="Q20" s="14">
        <f t="shared" si="0"/>
        <v>1387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771</v>
      </c>
      <c r="H21" s="14">
        <f t="shared" si="1"/>
        <v>1061</v>
      </c>
      <c r="I21" s="14">
        <f t="shared" si="1"/>
        <v>1018</v>
      </c>
      <c r="J21" s="14">
        <f t="shared" si="1"/>
        <v>1022</v>
      </c>
      <c r="K21" s="14">
        <f t="shared" si="1"/>
        <v>1015</v>
      </c>
      <c r="L21" s="14">
        <f t="shared" si="1"/>
        <v>1014</v>
      </c>
      <c r="M21" s="14">
        <f t="shared" si="1"/>
        <v>945</v>
      </c>
      <c r="N21" s="14">
        <f t="shared" si="1"/>
        <v>924</v>
      </c>
      <c r="O21" s="14">
        <f t="shared" si="1"/>
        <v>942</v>
      </c>
      <c r="P21" s="14">
        <f t="shared" si="1"/>
        <v>968</v>
      </c>
      <c r="Q21" s="14">
        <f t="shared" si="1"/>
        <v>967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445</v>
      </c>
      <c r="H22" s="14">
        <f t="shared" si="1"/>
        <v>521</v>
      </c>
      <c r="I22" s="14">
        <f t="shared" si="1"/>
        <v>780</v>
      </c>
      <c r="J22" s="14">
        <f t="shared" si="1"/>
        <v>766</v>
      </c>
      <c r="K22" s="14">
        <f t="shared" si="1"/>
        <v>802</v>
      </c>
      <c r="L22" s="14">
        <f t="shared" si="1"/>
        <v>789</v>
      </c>
      <c r="M22" s="14">
        <f t="shared" si="1"/>
        <v>796</v>
      </c>
      <c r="N22" s="14">
        <f t="shared" si="1"/>
        <v>763</v>
      </c>
      <c r="O22" s="14">
        <f t="shared" si="1"/>
        <v>782</v>
      </c>
      <c r="P22" s="14">
        <f t="shared" si="1"/>
        <v>753</v>
      </c>
      <c r="Q22" s="14">
        <f t="shared" si="1"/>
        <v>752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203</v>
      </c>
      <c r="H23" s="14">
        <f t="shared" si="1"/>
        <v>249</v>
      </c>
      <c r="I23" s="14">
        <f t="shared" si="1"/>
        <v>311</v>
      </c>
      <c r="J23" s="14">
        <f t="shared" si="1"/>
        <v>373</v>
      </c>
      <c r="K23" s="14">
        <f t="shared" si="1"/>
        <v>374</v>
      </c>
      <c r="L23" s="14">
        <f t="shared" si="1"/>
        <v>398</v>
      </c>
      <c r="M23" s="14">
        <f t="shared" si="1"/>
        <v>432</v>
      </c>
      <c r="N23" s="14">
        <f t="shared" si="1"/>
        <v>454</v>
      </c>
      <c r="O23" s="14">
        <f t="shared" si="1"/>
        <v>451</v>
      </c>
      <c r="P23" s="14">
        <f t="shared" si="1"/>
        <v>471</v>
      </c>
      <c r="Q23" s="14">
        <f t="shared" si="1"/>
        <v>436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63</v>
      </c>
      <c r="H24" s="14">
        <f t="shared" si="1"/>
        <v>62</v>
      </c>
      <c r="I24" s="14">
        <f t="shared" si="1"/>
        <v>96</v>
      </c>
      <c r="J24" s="14">
        <f t="shared" si="1"/>
        <v>99</v>
      </c>
      <c r="K24" s="14">
        <f t="shared" si="1"/>
        <v>99</v>
      </c>
      <c r="L24" s="14">
        <f t="shared" si="1"/>
        <v>116</v>
      </c>
      <c r="M24" s="14">
        <f t="shared" si="1"/>
        <v>122</v>
      </c>
      <c r="N24" s="14">
        <f t="shared" si="1"/>
        <v>119</v>
      </c>
      <c r="O24" s="14">
        <f t="shared" si="1"/>
        <v>149</v>
      </c>
      <c r="P24" s="14">
        <f t="shared" si="1"/>
        <v>147</v>
      </c>
      <c r="Q24" s="14">
        <f t="shared" si="1"/>
        <v>142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5</v>
      </c>
      <c r="H25" s="14">
        <f t="shared" si="1"/>
        <v>13</v>
      </c>
      <c r="I25" s="14">
        <f t="shared" si="1"/>
        <v>14</v>
      </c>
      <c r="J25" s="14">
        <f t="shared" si="1"/>
        <v>18</v>
      </c>
      <c r="K25" s="14">
        <f t="shared" si="1"/>
        <v>20</v>
      </c>
      <c r="L25" s="14">
        <f t="shared" si="1"/>
        <v>14</v>
      </c>
      <c r="M25" s="14">
        <f t="shared" si="1"/>
        <v>14</v>
      </c>
      <c r="N25" s="14">
        <f t="shared" si="1"/>
        <v>12</v>
      </c>
      <c r="O25" s="14">
        <f t="shared" si="1"/>
        <v>13</v>
      </c>
      <c r="P25" s="14">
        <f t="shared" si="1"/>
        <v>18</v>
      </c>
      <c r="Q25" s="14">
        <f t="shared" si="1"/>
        <v>20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22318</v>
      </c>
      <c r="H26" s="17">
        <f>SUM(H5:H25)</f>
        <v>21473</v>
      </c>
      <c r="I26" s="17">
        <f t="shared" ref="I26:N26" si="2">SUM(I5:I25)</f>
        <v>20568</v>
      </c>
      <c r="J26" s="17">
        <f t="shared" si="2"/>
        <v>20416</v>
      </c>
      <c r="K26" s="17">
        <f t="shared" si="2"/>
        <v>20265</v>
      </c>
      <c r="L26" s="17">
        <f t="shared" si="2"/>
        <v>20041</v>
      </c>
      <c r="M26" s="17">
        <f t="shared" si="2"/>
        <v>19693</v>
      </c>
      <c r="N26" s="17">
        <f t="shared" si="2"/>
        <v>19391</v>
      </c>
      <c r="O26" s="17">
        <f>SUM(O5:O25)</f>
        <v>18990</v>
      </c>
      <c r="P26" s="17">
        <f>SUM(P5:P25)</f>
        <v>18618</v>
      </c>
      <c r="Q26" s="17">
        <f>SUM(Q5:Q25)</f>
        <v>18220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80"/>
      <c r="K27" s="80"/>
      <c r="L27" s="80"/>
      <c r="M27" s="80"/>
      <c r="N27" s="80"/>
      <c r="O27" s="80"/>
      <c r="P27" s="80"/>
      <c r="Q27" s="80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3040</v>
      </c>
      <c r="H31" s="21">
        <f t="shared" si="3"/>
        <v>2879</v>
      </c>
      <c r="I31" s="21">
        <f t="shared" si="3"/>
        <v>2422</v>
      </c>
      <c r="J31" s="21">
        <f t="shared" si="3"/>
        <v>2333</v>
      </c>
      <c r="K31" s="21">
        <f t="shared" si="3"/>
        <v>2251</v>
      </c>
      <c r="L31" s="21">
        <f t="shared" si="3"/>
        <v>2166</v>
      </c>
      <c r="M31" s="21">
        <f t="shared" si="3"/>
        <v>2056</v>
      </c>
      <c r="N31" s="21">
        <f t="shared" si="3"/>
        <v>1959</v>
      </c>
      <c r="O31" s="21">
        <f t="shared" si="3"/>
        <v>1822</v>
      </c>
      <c r="P31" s="21">
        <f t="shared" si="3"/>
        <v>1726</v>
      </c>
      <c r="Q31" s="21">
        <f t="shared" si="3"/>
        <v>1605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13873</v>
      </c>
      <c r="H32" s="22">
        <f t="shared" si="4"/>
        <v>12872</v>
      </c>
      <c r="I32" s="22">
        <f t="shared" si="4"/>
        <v>11702</v>
      </c>
      <c r="J32" s="22">
        <f t="shared" si="4"/>
        <v>11514</v>
      </c>
      <c r="K32" s="22">
        <f t="shared" si="4"/>
        <v>11343</v>
      </c>
      <c r="L32" s="22">
        <f t="shared" si="4"/>
        <v>11129</v>
      </c>
      <c r="M32" s="22">
        <f t="shared" si="4"/>
        <v>10821</v>
      </c>
      <c r="N32" s="22">
        <f t="shared" si="4"/>
        <v>10575</v>
      </c>
      <c r="O32" s="22">
        <f t="shared" si="4"/>
        <v>10286</v>
      </c>
      <c r="P32" s="22">
        <f t="shared" si="4"/>
        <v>10036</v>
      </c>
      <c r="Q32" s="22">
        <f t="shared" si="4"/>
        <v>9822</v>
      </c>
    </row>
    <row r="33" spans="1:20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5405</v>
      </c>
      <c r="H33" s="23">
        <f t="shared" si="5"/>
        <v>5722</v>
      </c>
      <c r="I33" s="23">
        <f t="shared" si="5"/>
        <v>6444</v>
      </c>
      <c r="J33" s="23">
        <f t="shared" si="5"/>
        <v>6569</v>
      </c>
      <c r="K33" s="23">
        <f t="shared" si="5"/>
        <v>6671</v>
      </c>
      <c r="L33" s="23">
        <f t="shared" si="5"/>
        <v>6746</v>
      </c>
      <c r="M33" s="23">
        <f t="shared" si="5"/>
        <v>6816</v>
      </c>
      <c r="N33" s="23">
        <f t="shared" si="5"/>
        <v>6857</v>
      </c>
      <c r="O33" s="23">
        <f t="shared" si="5"/>
        <v>6882</v>
      </c>
      <c r="P33" s="23">
        <f t="shared" si="5"/>
        <v>6856</v>
      </c>
      <c r="Q33" s="23">
        <f t="shared" si="5"/>
        <v>6793</v>
      </c>
    </row>
    <row r="34" spans="1:20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22318</v>
      </c>
      <c r="H34" s="24">
        <f>SUM(H31:H33)</f>
        <v>21473</v>
      </c>
      <c r="I34" s="24">
        <f t="shared" ref="I34:N34" si="6">SUM(I31:I33)</f>
        <v>20568</v>
      </c>
      <c r="J34" s="24">
        <f t="shared" si="6"/>
        <v>20416</v>
      </c>
      <c r="K34" s="24">
        <f t="shared" si="6"/>
        <v>20265</v>
      </c>
      <c r="L34" s="24">
        <f t="shared" si="6"/>
        <v>20041</v>
      </c>
      <c r="M34" s="24">
        <f t="shared" si="6"/>
        <v>19693</v>
      </c>
      <c r="N34" s="24">
        <f t="shared" si="6"/>
        <v>19391</v>
      </c>
      <c r="O34" s="24">
        <f>SUM(O31:O33)</f>
        <v>18990</v>
      </c>
      <c r="P34" s="24">
        <f>SUM(P31:P33)</f>
        <v>18618</v>
      </c>
      <c r="Q34" s="24">
        <f>SUM(Q31:Q33)</f>
        <v>18220</v>
      </c>
    </row>
    <row r="35" spans="1:20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0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0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0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0" ht="23.25" customHeight="1" x14ac:dyDescent="0.2">
      <c r="A39" s="6" t="s">
        <v>33</v>
      </c>
      <c r="B39" s="71" t="s">
        <v>7</v>
      </c>
      <c r="C39" s="71" t="s">
        <v>7</v>
      </c>
      <c r="D39" s="71" t="s">
        <v>7</v>
      </c>
      <c r="E39" s="71" t="s">
        <v>7</v>
      </c>
      <c r="F39" s="71" t="s">
        <v>7</v>
      </c>
      <c r="G39" s="77">
        <f t="shared" ref="G39:Q39" si="7">ROUND(G31/G34*100,1)</f>
        <v>13.6</v>
      </c>
      <c r="H39" s="77">
        <f t="shared" si="7"/>
        <v>13.4</v>
      </c>
      <c r="I39" s="77">
        <f t="shared" si="7"/>
        <v>11.8</v>
      </c>
      <c r="J39" s="77">
        <f t="shared" si="7"/>
        <v>11.4</v>
      </c>
      <c r="K39" s="77">
        <f t="shared" si="7"/>
        <v>11.1</v>
      </c>
      <c r="L39" s="77">
        <f t="shared" si="7"/>
        <v>10.8</v>
      </c>
      <c r="M39" s="77">
        <f t="shared" si="7"/>
        <v>10.4</v>
      </c>
      <c r="N39" s="77">
        <f t="shared" si="7"/>
        <v>10.1</v>
      </c>
      <c r="O39" s="77">
        <f t="shared" si="7"/>
        <v>9.6</v>
      </c>
      <c r="P39" s="77">
        <f t="shared" si="7"/>
        <v>9.3000000000000007</v>
      </c>
      <c r="Q39" s="77">
        <f t="shared" si="7"/>
        <v>8.8000000000000007</v>
      </c>
    </row>
    <row r="40" spans="1:20" ht="23.25" customHeight="1" x14ac:dyDescent="0.2">
      <c r="A40" s="9" t="s">
        <v>34</v>
      </c>
      <c r="B40" s="73" t="s">
        <v>7</v>
      </c>
      <c r="C40" s="73" t="s">
        <v>7</v>
      </c>
      <c r="D40" s="73" t="s">
        <v>7</v>
      </c>
      <c r="E40" s="73" t="s">
        <v>7</v>
      </c>
      <c r="F40" s="73" t="s">
        <v>7</v>
      </c>
      <c r="G40" s="78">
        <f t="shared" ref="G40:Q40" si="8">ROUND(G32/G34*100,1)</f>
        <v>62.2</v>
      </c>
      <c r="H40" s="78">
        <f t="shared" si="8"/>
        <v>59.9</v>
      </c>
      <c r="I40" s="78">
        <f t="shared" si="8"/>
        <v>56.9</v>
      </c>
      <c r="J40" s="78">
        <f t="shared" si="8"/>
        <v>56.4</v>
      </c>
      <c r="K40" s="78">
        <f t="shared" si="8"/>
        <v>56</v>
      </c>
      <c r="L40" s="78">
        <f t="shared" si="8"/>
        <v>55.5</v>
      </c>
      <c r="M40" s="78">
        <f t="shared" si="8"/>
        <v>54.9</v>
      </c>
      <c r="N40" s="78">
        <f t="shared" si="8"/>
        <v>54.5</v>
      </c>
      <c r="O40" s="78">
        <f t="shared" si="8"/>
        <v>54.2</v>
      </c>
      <c r="P40" s="78">
        <f t="shared" si="8"/>
        <v>53.9</v>
      </c>
      <c r="Q40" s="78">
        <f t="shared" si="8"/>
        <v>53.9</v>
      </c>
    </row>
    <row r="41" spans="1:20" ht="23.25" customHeight="1" x14ac:dyDescent="0.2">
      <c r="A41" s="12" t="s">
        <v>35</v>
      </c>
      <c r="B41" s="75" t="s">
        <v>7</v>
      </c>
      <c r="C41" s="75" t="s">
        <v>7</v>
      </c>
      <c r="D41" s="75" t="s">
        <v>7</v>
      </c>
      <c r="E41" s="75" t="s">
        <v>7</v>
      </c>
      <c r="F41" s="75" t="s">
        <v>7</v>
      </c>
      <c r="G41" s="79">
        <f t="shared" ref="G41:Q41" si="9">ROUND(G33/G34*100,1)</f>
        <v>24.2</v>
      </c>
      <c r="H41" s="79">
        <f t="shared" si="9"/>
        <v>26.6</v>
      </c>
      <c r="I41" s="79">
        <f t="shared" si="9"/>
        <v>31.3</v>
      </c>
      <c r="J41" s="79">
        <f t="shared" si="9"/>
        <v>32.200000000000003</v>
      </c>
      <c r="K41" s="79">
        <f t="shared" si="9"/>
        <v>32.9</v>
      </c>
      <c r="L41" s="79">
        <f t="shared" si="9"/>
        <v>33.700000000000003</v>
      </c>
      <c r="M41" s="79">
        <f t="shared" si="9"/>
        <v>34.6</v>
      </c>
      <c r="N41" s="79">
        <f t="shared" si="9"/>
        <v>35.4</v>
      </c>
      <c r="O41" s="79">
        <f t="shared" si="9"/>
        <v>36.200000000000003</v>
      </c>
      <c r="P41" s="79">
        <f t="shared" si="9"/>
        <v>36.799999999999997</v>
      </c>
      <c r="Q41" s="79">
        <f t="shared" si="9"/>
        <v>37.299999999999997</v>
      </c>
    </row>
    <row r="42" spans="1:20" ht="23.25" customHeight="1" x14ac:dyDescent="0.2">
      <c r="A42" s="5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0" ht="23.25" customHeight="1" x14ac:dyDescent="0.2">
      <c r="A43" s="5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0" ht="23.25" customHeight="1" x14ac:dyDescent="0.2">
      <c r="A44" s="5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0" ht="23.25" customHeight="1" x14ac:dyDescent="0.2">
      <c r="A45" s="5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0" ht="23.25" customHeight="1" x14ac:dyDescent="0.2">
      <c r="A46" s="5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0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0" ht="23.25" customHeight="1" thickTop="1" x14ac:dyDescent="0.2">
      <c r="A48" s="4"/>
      <c r="B48" s="4"/>
      <c r="C48" s="60" t="s">
        <v>39</v>
      </c>
      <c r="D48" s="61"/>
      <c r="E48" s="61"/>
      <c r="F48" s="62"/>
      <c r="J48" s="60" t="s">
        <v>40</v>
      </c>
      <c r="K48" s="61"/>
      <c r="L48" s="61"/>
      <c r="M48" s="61"/>
      <c r="N48" s="61"/>
      <c r="O48" s="62"/>
      <c r="P48" s="4"/>
      <c r="Q48" s="4"/>
      <c r="R48" s="4"/>
      <c r="S48" s="4"/>
      <c r="T48" s="4"/>
    </row>
    <row r="49" spans="1:20" ht="23.25" customHeight="1" thickBot="1" x14ac:dyDescent="0.25">
      <c r="A49" s="4"/>
      <c r="B49" s="4"/>
      <c r="C49" s="63"/>
      <c r="D49" s="64"/>
      <c r="E49" s="64"/>
      <c r="F49" s="65"/>
      <c r="J49" s="63"/>
      <c r="K49" s="64"/>
      <c r="L49" s="64"/>
      <c r="M49" s="64"/>
      <c r="N49" s="64"/>
      <c r="O49" s="65"/>
      <c r="P49" s="4"/>
      <c r="Q49" s="4"/>
      <c r="R49" s="4"/>
      <c r="S49" s="4"/>
      <c r="T49" s="4"/>
    </row>
    <row r="50" spans="1:20" ht="23.25" customHeight="1" thickTop="1" x14ac:dyDescent="0.25">
      <c r="A50" s="4"/>
      <c r="B50" s="4"/>
      <c r="C50" s="66"/>
      <c r="D50" s="66"/>
      <c r="E50" s="66"/>
      <c r="F50" s="4"/>
      <c r="L50" s="67"/>
      <c r="M50" s="67"/>
      <c r="N50" s="67"/>
      <c r="O50" s="4"/>
      <c r="P50" s="4"/>
      <c r="Q50" s="4"/>
      <c r="R50" s="4"/>
      <c r="S50" s="68"/>
      <c r="T50" s="4"/>
    </row>
    <row r="51" spans="1:20" ht="23.25" customHeight="1" x14ac:dyDescent="0.25">
      <c r="A51" s="4"/>
      <c r="B51" s="68"/>
      <c r="C51" s="68"/>
      <c r="D51" s="68"/>
      <c r="E51" s="68"/>
      <c r="F51" s="67"/>
      <c r="G51" s="67"/>
      <c r="H51" s="67"/>
      <c r="I51" s="67"/>
      <c r="J51" s="67"/>
      <c r="K51" s="67"/>
      <c r="L51" s="67"/>
      <c r="M51" s="67"/>
      <c r="N51" s="67"/>
      <c r="O51" s="4"/>
      <c r="P51" s="4"/>
      <c r="Q51" s="4"/>
      <c r="R51" s="4"/>
      <c r="S51" s="68"/>
      <c r="T51" s="4"/>
    </row>
    <row r="52" spans="1:20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0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0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69"/>
      <c r="O54" s="4"/>
      <c r="P54" s="4"/>
      <c r="Q54" s="4"/>
      <c r="R54" s="4"/>
      <c r="S54" s="4"/>
      <c r="T54" s="4"/>
    </row>
    <row r="55" spans="1:20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0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0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0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0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0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0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0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0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0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72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81"/>
      <c r="P82" s="81"/>
      <c r="Q82" s="81"/>
      <c r="R82" s="81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73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524</v>
      </c>
      <c r="H84" s="8">
        <v>416</v>
      </c>
      <c r="I84" s="8">
        <v>308</v>
      </c>
      <c r="J84" s="8">
        <v>307</v>
      </c>
      <c r="K84" s="8">
        <v>300</v>
      </c>
      <c r="L84" s="8">
        <v>281</v>
      </c>
      <c r="M84" s="8">
        <v>260</v>
      </c>
      <c r="N84" s="21">
        <v>233</v>
      </c>
      <c r="O84" s="21">
        <v>208</v>
      </c>
      <c r="P84" s="21">
        <v>187</v>
      </c>
      <c r="Q84" s="21">
        <v>171</v>
      </c>
    </row>
    <row r="85" spans="1:20" ht="21.75" customHeight="1" x14ac:dyDescent="0.2">
      <c r="A85" s="6" t="s">
        <v>74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553</v>
      </c>
      <c r="H85" s="8">
        <v>511</v>
      </c>
      <c r="I85" s="8">
        <v>412</v>
      </c>
      <c r="J85" s="8">
        <v>378</v>
      </c>
      <c r="K85" s="8">
        <v>367</v>
      </c>
      <c r="L85" s="8">
        <v>347</v>
      </c>
      <c r="M85" s="8">
        <v>327</v>
      </c>
      <c r="N85" s="21">
        <v>317</v>
      </c>
      <c r="O85" s="21">
        <v>300</v>
      </c>
      <c r="P85" s="21">
        <v>294</v>
      </c>
      <c r="Q85" s="21">
        <v>264</v>
      </c>
    </row>
    <row r="86" spans="1:20" ht="21.75" customHeight="1" x14ac:dyDescent="0.2">
      <c r="A86" s="6" t="s">
        <v>75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488</v>
      </c>
      <c r="H86" s="8">
        <v>548</v>
      </c>
      <c r="I86" s="8">
        <v>516</v>
      </c>
      <c r="J86" s="8">
        <v>508</v>
      </c>
      <c r="K86" s="8">
        <v>476</v>
      </c>
      <c r="L86" s="8">
        <v>463</v>
      </c>
      <c r="M86" s="8">
        <v>437</v>
      </c>
      <c r="N86" s="21">
        <v>413</v>
      </c>
      <c r="O86" s="21">
        <v>375</v>
      </c>
      <c r="P86" s="21">
        <v>354</v>
      </c>
      <c r="Q86" s="21">
        <v>337</v>
      </c>
    </row>
    <row r="87" spans="1:20" ht="21.75" customHeight="1" x14ac:dyDescent="0.2">
      <c r="A87" s="9" t="s">
        <v>76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563</v>
      </c>
      <c r="H87" s="11">
        <v>478</v>
      </c>
      <c r="I87" s="11">
        <v>526</v>
      </c>
      <c r="J87" s="11">
        <v>529</v>
      </c>
      <c r="K87" s="11">
        <v>547</v>
      </c>
      <c r="L87" s="11">
        <v>525</v>
      </c>
      <c r="M87" s="11">
        <v>507</v>
      </c>
      <c r="N87" s="22">
        <v>493</v>
      </c>
      <c r="O87" s="22">
        <v>484</v>
      </c>
      <c r="P87" s="22">
        <v>440</v>
      </c>
      <c r="Q87" s="22">
        <v>434</v>
      </c>
    </row>
    <row r="88" spans="1:20" ht="21.75" customHeight="1" x14ac:dyDescent="0.2">
      <c r="A88" s="9" t="s">
        <v>77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617</v>
      </c>
      <c r="H88" s="11">
        <v>516</v>
      </c>
      <c r="I88" s="11">
        <v>420</v>
      </c>
      <c r="J88" s="11">
        <v>454</v>
      </c>
      <c r="K88" s="11">
        <v>468</v>
      </c>
      <c r="L88" s="11">
        <v>505</v>
      </c>
      <c r="M88" s="11">
        <v>519</v>
      </c>
      <c r="N88" s="22">
        <v>521</v>
      </c>
      <c r="O88" s="22">
        <v>495</v>
      </c>
      <c r="P88" s="22">
        <v>511</v>
      </c>
      <c r="Q88" s="22">
        <v>457</v>
      </c>
    </row>
    <row r="89" spans="1:20" ht="21.75" customHeight="1" x14ac:dyDescent="0.2">
      <c r="A89" s="9" t="s">
        <v>78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728</v>
      </c>
      <c r="H89" s="11">
        <v>562</v>
      </c>
      <c r="I89" s="11">
        <v>473</v>
      </c>
      <c r="J89" s="11">
        <v>457</v>
      </c>
      <c r="K89" s="11">
        <v>450</v>
      </c>
      <c r="L89" s="11">
        <v>431</v>
      </c>
      <c r="M89" s="11">
        <v>418</v>
      </c>
      <c r="N89" s="22">
        <v>421</v>
      </c>
      <c r="O89" s="22">
        <v>419</v>
      </c>
      <c r="P89" s="22">
        <v>421</v>
      </c>
      <c r="Q89" s="22">
        <v>459</v>
      </c>
    </row>
    <row r="90" spans="1:20" ht="21.75" customHeight="1" x14ac:dyDescent="0.2">
      <c r="A90" s="9" t="s">
        <v>79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777</v>
      </c>
      <c r="H90" s="11">
        <v>652</v>
      </c>
      <c r="I90" s="11">
        <v>509</v>
      </c>
      <c r="J90" s="11">
        <v>496</v>
      </c>
      <c r="K90" s="11">
        <v>491</v>
      </c>
      <c r="L90" s="11">
        <v>467</v>
      </c>
      <c r="M90" s="11">
        <v>436</v>
      </c>
      <c r="N90" s="22">
        <v>410</v>
      </c>
      <c r="O90" s="22">
        <v>402</v>
      </c>
      <c r="P90" s="22">
        <v>371</v>
      </c>
      <c r="Q90" s="22">
        <v>362</v>
      </c>
    </row>
    <row r="91" spans="1:20" ht="21.75" customHeight="1" x14ac:dyDescent="0.2">
      <c r="A91" s="9" t="s">
        <v>80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608</v>
      </c>
      <c r="H91" s="11">
        <v>740</v>
      </c>
      <c r="I91" s="11">
        <v>610</v>
      </c>
      <c r="J91" s="11">
        <v>598</v>
      </c>
      <c r="K91" s="11">
        <v>591</v>
      </c>
      <c r="L91" s="11">
        <v>565</v>
      </c>
      <c r="M91" s="11">
        <v>534</v>
      </c>
      <c r="N91" s="22">
        <v>505</v>
      </c>
      <c r="O91" s="22">
        <v>444</v>
      </c>
      <c r="P91" s="22">
        <v>428</v>
      </c>
      <c r="Q91" s="22">
        <v>398</v>
      </c>
    </row>
    <row r="92" spans="1:20" ht="21.75" customHeight="1" x14ac:dyDescent="0.2">
      <c r="A92" s="9" t="s">
        <v>81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614</v>
      </c>
      <c r="H92" s="11">
        <v>605</v>
      </c>
      <c r="I92" s="11">
        <v>731</v>
      </c>
      <c r="J92" s="11">
        <v>721</v>
      </c>
      <c r="K92" s="11">
        <v>692</v>
      </c>
      <c r="L92" s="11">
        <v>637</v>
      </c>
      <c r="M92" s="11">
        <v>620</v>
      </c>
      <c r="N92" s="22">
        <v>583</v>
      </c>
      <c r="O92" s="22">
        <v>565</v>
      </c>
      <c r="P92" s="22">
        <v>561</v>
      </c>
      <c r="Q92" s="22">
        <v>538</v>
      </c>
    </row>
    <row r="93" spans="1:20" ht="21.75" customHeight="1" x14ac:dyDescent="0.2">
      <c r="A93" s="9" t="s">
        <v>82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636</v>
      </c>
      <c r="H93" s="11">
        <v>598</v>
      </c>
      <c r="I93" s="11">
        <v>595</v>
      </c>
      <c r="J93" s="11">
        <v>651</v>
      </c>
      <c r="K93" s="11">
        <v>672</v>
      </c>
      <c r="L93" s="11">
        <v>732</v>
      </c>
      <c r="M93" s="11">
        <v>742</v>
      </c>
      <c r="N93" s="22">
        <v>728</v>
      </c>
      <c r="O93" s="22">
        <v>712</v>
      </c>
      <c r="P93" s="22">
        <v>667</v>
      </c>
      <c r="Q93" s="22">
        <v>609</v>
      </c>
    </row>
    <row r="94" spans="1:20" ht="21.75" customHeight="1" x14ac:dyDescent="0.2">
      <c r="A94" s="9" t="s">
        <v>83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877</v>
      </c>
      <c r="H94" s="11">
        <v>625</v>
      </c>
      <c r="I94" s="11">
        <v>590</v>
      </c>
      <c r="J94" s="11">
        <v>553</v>
      </c>
      <c r="K94" s="11">
        <v>562</v>
      </c>
      <c r="L94" s="11">
        <v>574</v>
      </c>
      <c r="M94" s="11">
        <v>564</v>
      </c>
      <c r="N94" s="22">
        <v>585</v>
      </c>
      <c r="O94" s="22">
        <v>646</v>
      </c>
      <c r="P94" s="22">
        <v>668</v>
      </c>
      <c r="Q94" s="22">
        <v>728</v>
      </c>
    </row>
    <row r="95" spans="1:20" ht="21.75" customHeight="1" x14ac:dyDescent="0.2">
      <c r="A95" s="9" t="s">
        <v>84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996</v>
      </c>
      <c r="H95" s="11">
        <v>858</v>
      </c>
      <c r="I95" s="11">
        <v>637</v>
      </c>
      <c r="J95" s="11">
        <v>614</v>
      </c>
      <c r="K95" s="11">
        <v>599</v>
      </c>
      <c r="L95" s="11">
        <v>586</v>
      </c>
      <c r="M95" s="11">
        <v>602</v>
      </c>
      <c r="N95" s="22">
        <v>596</v>
      </c>
      <c r="O95" s="22">
        <v>557</v>
      </c>
      <c r="P95" s="22">
        <v>560</v>
      </c>
      <c r="Q95" s="22">
        <v>566</v>
      </c>
    </row>
    <row r="96" spans="1:20" ht="21.75" customHeight="1" x14ac:dyDescent="0.2">
      <c r="A96" s="9" t="s">
        <v>85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697</v>
      </c>
      <c r="H96" s="11">
        <v>975</v>
      </c>
      <c r="I96" s="11">
        <v>852</v>
      </c>
      <c r="J96" s="11">
        <v>805</v>
      </c>
      <c r="K96" s="11">
        <v>748</v>
      </c>
      <c r="L96" s="11">
        <v>687</v>
      </c>
      <c r="M96" s="11">
        <v>637</v>
      </c>
      <c r="N96" s="22">
        <v>628</v>
      </c>
      <c r="O96" s="22">
        <v>608</v>
      </c>
      <c r="P96" s="22">
        <v>602</v>
      </c>
      <c r="Q96" s="22">
        <v>583</v>
      </c>
    </row>
    <row r="97" spans="1:17" ht="21.75" customHeight="1" x14ac:dyDescent="0.2">
      <c r="A97" s="12" t="s">
        <v>86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593</v>
      </c>
      <c r="H97" s="14">
        <v>675</v>
      </c>
      <c r="I97" s="14">
        <v>949</v>
      </c>
      <c r="J97" s="14">
        <v>1019</v>
      </c>
      <c r="K97" s="14">
        <v>989</v>
      </c>
      <c r="L97" s="14">
        <v>927</v>
      </c>
      <c r="M97" s="14">
        <v>868</v>
      </c>
      <c r="N97" s="23">
        <v>818</v>
      </c>
      <c r="O97" s="23">
        <v>774</v>
      </c>
      <c r="P97" s="23">
        <v>723</v>
      </c>
      <c r="Q97" s="23">
        <v>683</v>
      </c>
    </row>
    <row r="98" spans="1:17" ht="21.75" customHeight="1" x14ac:dyDescent="0.2">
      <c r="A98" s="12" t="s">
        <v>87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623</v>
      </c>
      <c r="H98" s="14">
        <v>548</v>
      </c>
      <c r="I98" s="14">
        <v>631</v>
      </c>
      <c r="J98" s="14">
        <v>584</v>
      </c>
      <c r="K98" s="14">
        <v>646</v>
      </c>
      <c r="L98" s="14">
        <v>739</v>
      </c>
      <c r="M98" s="14">
        <v>798</v>
      </c>
      <c r="N98" s="23">
        <v>890</v>
      </c>
      <c r="O98" s="23">
        <v>954</v>
      </c>
      <c r="P98" s="23">
        <v>929</v>
      </c>
      <c r="Q98" s="23">
        <v>859</v>
      </c>
    </row>
    <row r="99" spans="1:17" ht="21.75" customHeight="1" x14ac:dyDescent="0.2">
      <c r="A99" s="12" t="s">
        <v>88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515</v>
      </c>
      <c r="H99" s="14">
        <v>531</v>
      </c>
      <c r="I99" s="14">
        <v>459</v>
      </c>
      <c r="J99" s="14">
        <v>479</v>
      </c>
      <c r="K99" s="14">
        <v>503</v>
      </c>
      <c r="L99" s="14">
        <v>526</v>
      </c>
      <c r="M99" s="14">
        <v>566</v>
      </c>
      <c r="N99" s="23">
        <v>570</v>
      </c>
      <c r="O99" s="23">
        <v>524</v>
      </c>
      <c r="P99" s="23">
        <v>580</v>
      </c>
      <c r="Q99" s="23">
        <v>674</v>
      </c>
    </row>
    <row r="100" spans="1:17" ht="21.75" customHeight="1" x14ac:dyDescent="0.2">
      <c r="A100" s="12" t="s">
        <v>89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302</v>
      </c>
      <c r="H100" s="14">
        <v>414</v>
      </c>
      <c r="I100" s="14">
        <v>402</v>
      </c>
      <c r="J100" s="14">
        <v>411</v>
      </c>
      <c r="K100" s="14">
        <v>417</v>
      </c>
      <c r="L100" s="14">
        <v>403</v>
      </c>
      <c r="M100" s="14">
        <v>376</v>
      </c>
      <c r="N100" s="23">
        <v>361</v>
      </c>
      <c r="O100" s="23">
        <v>386</v>
      </c>
      <c r="P100" s="23">
        <v>407</v>
      </c>
      <c r="Q100" s="23">
        <v>428</v>
      </c>
    </row>
    <row r="101" spans="1:17" ht="21.75" customHeight="1" x14ac:dyDescent="0.2">
      <c r="A101" s="12" t="s">
        <v>90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31</v>
      </c>
      <c r="H101" s="14">
        <v>168</v>
      </c>
      <c r="I101" s="14">
        <v>264</v>
      </c>
      <c r="J101" s="14">
        <v>253</v>
      </c>
      <c r="K101" s="14">
        <v>263</v>
      </c>
      <c r="L101" s="14">
        <v>266</v>
      </c>
      <c r="M101" s="14">
        <v>264</v>
      </c>
      <c r="N101" s="23">
        <v>262</v>
      </c>
      <c r="O101" s="23">
        <v>283</v>
      </c>
      <c r="P101" s="23">
        <v>264</v>
      </c>
      <c r="Q101" s="23">
        <v>257</v>
      </c>
    </row>
    <row r="102" spans="1:17" ht="21.75" customHeight="1" x14ac:dyDescent="0.2">
      <c r="A102" s="12" t="s">
        <v>91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40</v>
      </c>
      <c r="H102" s="14">
        <v>64</v>
      </c>
      <c r="I102" s="14">
        <v>77</v>
      </c>
      <c r="J102" s="14">
        <v>88</v>
      </c>
      <c r="K102" s="14">
        <v>91</v>
      </c>
      <c r="L102" s="14">
        <v>103</v>
      </c>
      <c r="M102" s="14">
        <v>122</v>
      </c>
      <c r="N102" s="23">
        <v>131</v>
      </c>
      <c r="O102" s="23">
        <v>118</v>
      </c>
      <c r="P102" s="23">
        <v>128</v>
      </c>
      <c r="Q102" s="23">
        <v>128</v>
      </c>
    </row>
    <row r="103" spans="1:17" ht="21.75" customHeight="1" x14ac:dyDescent="0.2">
      <c r="A103" s="12" t="s">
        <v>92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8</v>
      </c>
      <c r="H103" s="14">
        <v>10</v>
      </c>
      <c r="I103" s="14">
        <v>20</v>
      </c>
      <c r="J103" s="14">
        <v>22</v>
      </c>
      <c r="K103" s="14">
        <v>19</v>
      </c>
      <c r="L103" s="14">
        <v>20</v>
      </c>
      <c r="M103" s="14">
        <v>21</v>
      </c>
      <c r="N103" s="23">
        <v>15</v>
      </c>
      <c r="O103" s="23">
        <v>23</v>
      </c>
      <c r="P103" s="23">
        <v>23</v>
      </c>
      <c r="Q103" s="23">
        <v>27</v>
      </c>
    </row>
    <row r="104" spans="1:17" ht="21.75" customHeight="1" x14ac:dyDescent="0.2">
      <c r="A104" s="12" t="s">
        <v>93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2</v>
      </c>
      <c r="I104" s="14">
        <v>2</v>
      </c>
      <c r="J104" s="14">
        <v>4</v>
      </c>
      <c r="K104" s="14">
        <v>7</v>
      </c>
      <c r="L104" s="14">
        <v>4</v>
      </c>
      <c r="M104" s="14">
        <v>2</v>
      </c>
      <c r="N104" s="23">
        <v>2</v>
      </c>
      <c r="O104" s="23">
        <v>3</v>
      </c>
      <c r="P104" s="23">
        <v>3</v>
      </c>
      <c r="Q104" s="23">
        <v>2</v>
      </c>
    </row>
    <row r="105" spans="1:17" ht="21.75" customHeight="1" x14ac:dyDescent="0.2">
      <c r="A105" s="15" t="s">
        <v>94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0890</v>
      </c>
      <c r="H105" s="17">
        <f t="shared" ref="H105:N105" si="10">SUM(H84:H104)</f>
        <v>10496</v>
      </c>
      <c r="I105" s="17">
        <f t="shared" si="10"/>
        <v>9983</v>
      </c>
      <c r="J105" s="17">
        <f t="shared" si="10"/>
        <v>9931</v>
      </c>
      <c r="K105" s="17">
        <f t="shared" si="10"/>
        <v>9898</v>
      </c>
      <c r="L105" s="17">
        <f t="shared" si="10"/>
        <v>9788</v>
      </c>
      <c r="M105" s="17">
        <f t="shared" si="10"/>
        <v>9620</v>
      </c>
      <c r="N105" s="17">
        <f t="shared" si="10"/>
        <v>9482</v>
      </c>
      <c r="O105" s="17">
        <f>SUM(O84:O104)</f>
        <v>9280</v>
      </c>
      <c r="P105" s="17">
        <f>SUM(P84:P104)</f>
        <v>9121</v>
      </c>
      <c r="Q105" s="17">
        <f>SUM(Q84:Q104)</f>
        <v>8964</v>
      </c>
    </row>
    <row r="106" spans="1:17" ht="21.75" customHeight="1" x14ac:dyDescent="0.2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M106" s="82"/>
      <c r="N106" s="81"/>
      <c r="O106" s="3"/>
      <c r="P106" s="3"/>
      <c r="Q106" s="3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95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1565</v>
      </c>
      <c r="H110" s="8">
        <f t="shared" si="11"/>
        <v>1475</v>
      </c>
      <c r="I110" s="8">
        <f t="shared" si="11"/>
        <v>1236</v>
      </c>
      <c r="J110" s="8">
        <f t="shared" si="11"/>
        <v>1193</v>
      </c>
      <c r="K110" s="8">
        <f t="shared" si="11"/>
        <v>1143</v>
      </c>
      <c r="L110" s="8">
        <f t="shared" si="11"/>
        <v>1091</v>
      </c>
      <c r="M110" s="8">
        <f t="shared" si="11"/>
        <v>1024</v>
      </c>
      <c r="N110" s="8">
        <f t="shared" si="11"/>
        <v>963</v>
      </c>
      <c r="O110" s="8">
        <f t="shared" si="11"/>
        <v>883</v>
      </c>
      <c r="P110" s="8">
        <f t="shared" si="11"/>
        <v>835</v>
      </c>
      <c r="Q110" s="8">
        <v>772</v>
      </c>
    </row>
    <row r="111" spans="1:17" ht="21.75" customHeight="1" x14ac:dyDescent="0.2">
      <c r="A111" s="9" t="s">
        <v>96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7113</v>
      </c>
      <c r="H111" s="11">
        <f t="shared" si="12"/>
        <v>6609</v>
      </c>
      <c r="I111" s="11">
        <f t="shared" si="12"/>
        <v>5943</v>
      </c>
      <c r="J111" s="11">
        <f t="shared" si="12"/>
        <v>5878</v>
      </c>
      <c r="K111" s="11">
        <f t="shared" si="12"/>
        <v>5820</v>
      </c>
      <c r="L111" s="11">
        <f t="shared" si="12"/>
        <v>5709</v>
      </c>
      <c r="M111" s="11">
        <f t="shared" si="12"/>
        <v>5579</v>
      </c>
      <c r="N111" s="11">
        <f t="shared" si="12"/>
        <v>5470</v>
      </c>
      <c r="O111" s="11">
        <f t="shared" si="12"/>
        <v>5332</v>
      </c>
      <c r="P111" s="11">
        <f t="shared" si="12"/>
        <v>5229</v>
      </c>
      <c r="Q111" s="11">
        <v>5134</v>
      </c>
    </row>
    <row r="112" spans="1:17" ht="21.75" customHeight="1" x14ac:dyDescent="0.2">
      <c r="A112" s="12" t="s">
        <v>97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2212</v>
      </c>
      <c r="H112" s="14">
        <f t="shared" si="13"/>
        <v>2412</v>
      </c>
      <c r="I112" s="14">
        <f t="shared" si="13"/>
        <v>2804</v>
      </c>
      <c r="J112" s="14">
        <f t="shared" si="13"/>
        <v>2860</v>
      </c>
      <c r="K112" s="14">
        <f t="shared" si="13"/>
        <v>2935</v>
      </c>
      <c r="L112" s="14">
        <f t="shared" si="13"/>
        <v>2988</v>
      </c>
      <c r="M112" s="14">
        <f t="shared" si="13"/>
        <v>3017</v>
      </c>
      <c r="N112" s="14">
        <f t="shared" si="13"/>
        <v>3049</v>
      </c>
      <c r="O112" s="14">
        <f t="shared" si="13"/>
        <v>3065</v>
      </c>
      <c r="P112" s="14">
        <f t="shared" si="13"/>
        <v>3057</v>
      </c>
      <c r="Q112" s="14">
        <v>3058</v>
      </c>
    </row>
    <row r="113" spans="1:17" ht="21.75" customHeight="1" x14ac:dyDescent="0.2">
      <c r="A113" s="15" t="s">
        <v>98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 t="shared" ref="G113:Q113" si="14">SUM(G110:G112)</f>
        <v>10890</v>
      </c>
      <c r="H113" s="17">
        <f t="shared" si="14"/>
        <v>10496</v>
      </c>
      <c r="I113" s="17">
        <f t="shared" si="14"/>
        <v>9983</v>
      </c>
      <c r="J113" s="17">
        <f t="shared" si="14"/>
        <v>9931</v>
      </c>
      <c r="K113" s="17">
        <f t="shared" si="14"/>
        <v>9898</v>
      </c>
      <c r="L113" s="17">
        <f t="shared" si="14"/>
        <v>9788</v>
      </c>
      <c r="M113" s="17">
        <f t="shared" si="14"/>
        <v>9620</v>
      </c>
      <c r="N113" s="17">
        <f t="shared" si="14"/>
        <v>9482</v>
      </c>
      <c r="O113" s="17">
        <f t="shared" si="14"/>
        <v>9280</v>
      </c>
      <c r="P113" s="17">
        <f t="shared" si="14"/>
        <v>9121</v>
      </c>
      <c r="Q113" s="17">
        <f t="shared" si="14"/>
        <v>8964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71" t="s">
        <v>7</v>
      </c>
      <c r="C118" s="71" t="s">
        <v>7</v>
      </c>
      <c r="D118" s="71" t="s">
        <v>7</v>
      </c>
      <c r="E118" s="71" t="s">
        <v>7</v>
      </c>
      <c r="F118" s="71" t="s">
        <v>7</v>
      </c>
      <c r="G118" s="72">
        <f t="shared" ref="G118:Q118" si="15">ROUND(G110/G113*100,1)</f>
        <v>14.4</v>
      </c>
      <c r="H118" s="72">
        <f t="shared" si="15"/>
        <v>14.1</v>
      </c>
      <c r="I118" s="72">
        <f t="shared" si="15"/>
        <v>12.4</v>
      </c>
      <c r="J118" s="72">
        <f t="shared" si="15"/>
        <v>12</v>
      </c>
      <c r="K118" s="72">
        <f t="shared" si="15"/>
        <v>11.5</v>
      </c>
      <c r="L118" s="72">
        <f t="shared" si="15"/>
        <v>11.1</v>
      </c>
      <c r="M118" s="72">
        <f t="shared" si="15"/>
        <v>10.6</v>
      </c>
      <c r="N118" s="72">
        <f t="shared" si="15"/>
        <v>10.199999999999999</v>
      </c>
      <c r="O118" s="72">
        <f t="shared" si="15"/>
        <v>9.5</v>
      </c>
      <c r="P118" s="72">
        <f t="shared" si="15"/>
        <v>9.1999999999999993</v>
      </c>
      <c r="Q118" s="72">
        <f t="shared" si="15"/>
        <v>8.6</v>
      </c>
    </row>
    <row r="119" spans="1:17" ht="21.75" customHeight="1" x14ac:dyDescent="0.2">
      <c r="A119" s="9" t="s">
        <v>34</v>
      </c>
      <c r="B119" s="73" t="s">
        <v>7</v>
      </c>
      <c r="C119" s="73" t="s">
        <v>7</v>
      </c>
      <c r="D119" s="73" t="s">
        <v>7</v>
      </c>
      <c r="E119" s="73" t="s">
        <v>7</v>
      </c>
      <c r="F119" s="73" t="s">
        <v>7</v>
      </c>
      <c r="G119" s="74">
        <f t="shared" ref="G119:Q119" si="16">ROUND(G111/G113*100,1)</f>
        <v>65.3</v>
      </c>
      <c r="H119" s="74">
        <f t="shared" si="16"/>
        <v>63</v>
      </c>
      <c r="I119" s="74">
        <f t="shared" si="16"/>
        <v>59.5</v>
      </c>
      <c r="J119" s="74">
        <f t="shared" si="16"/>
        <v>59.2</v>
      </c>
      <c r="K119" s="74">
        <f t="shared" si="16"/>
        <v>58.8</v>
      </c>
      <c r="L119" s="74">
        <f t="shared" si="16"/>
        <v>58.3</v>
      </c>
      <c r="M119" s="74">
        <f t="shared" si="16"/>
        <v>58</v>
      </c>
      <c r="N119" s="74">
        <f t="shared" si="16"/>
        <v>57.7</v>
      </c>
      <c r="O119" s="74">
        <f t="shared" si="16"/>
        <v>57.5</v>
      </c>
      <c r="P119" s="74">
        <f t="shared" si="16"/>
        <v>57.3</v>
      </c>
      <c r="Q119" s="74">
        <f t="shared" si="16"/>
        <v>57.3</v>
      </c>
    </row>
    <row r="120" spans="1:17" ht="21.75" customHeight="1" x14ac:dyDescent="0.2">
      <c r="A120" s="12" t="s">
        <v>35</v>
      </c>
      <c r="B120" s="75" t="s">
        <v>7</v>
      </c>
      <c r="C120" s="75" t="s">
        <v>7</v>
      </c>
      <c r="D120" s="75" t="s">
        <v>7</v>
      </c>
      <c r="E120" s="75" t="s">
        <v>7</v>
      </c>
      <c r="F120" s="75" t="s">
        <v>7</v>
      </c>
      <c r="G120" s="76">
        <f t="shared" ref="G120:Q120" si="17">ROUND(G112/G113*100,1)</f>
        <v>20.3</v>
      </c>
      <c r="H120" s="76">
        <f t="shared" si="17"/>
        <v>23</v>
      </c>
      <c r="I120" s="76">
        <f t="shared" si="17"/>
        <v>28.1</v>
      </c>
      <c r="J120" s="76">
        <f t="shared" si="17"/>
        <v>28.8</v>
      </c>
      <c r="K120" s="76">
        <f t="shared" si="17"/>
        <v>29.7</v>
      </c>
      <c r="L120" s="76">
        <f t="shared" si="17"/>
        <v>30.5</v>
      </c>
      <c r="M120" s="76">
        <f t="shared" si="17"/>
        <v>31.4</v>
      </c>
      <c r="N120" s="76">
        <f t="shared" si="17"/>
        <v>32.200000000000003</v>
      </c>
      <c r="O120" s="76">
        <f t="shared" si="17"/>
        <v>33</v>
      </c>
      <c r="P120" s="76">
        <f t="shared" si="17"/>
        <v>33.5</v>
      </c>
      <c r="Q120" s="76">
        <f t="shared" si="17"/>
        <v>34.1</v>
      </c>
    </row>
    <row r="121" spans="1:17" ht="21.75" customHeight="1" x14ac:dyDescent="0.2">
      <c r="A121" s="58" t="s">
        <v>99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N121" s="82"/>
      <c r="O121" s="3"/>
      <c r="P121" s="3"/>
      <c r="Q121" s="3"/>
    </row>
    <row r="122" spans="1:17" ht="21.75" customHeight="1" x14ac:dyDescent="0.2">
      <c r="A122" s="5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N122" s="3"/>
      <c r="O122" s="3"/>
      <c r="P122" s="3"/>
      <c r="Q122" s="3"/>
    </row>
    <row r="123" spans="1:17" ht="21.75" customHeight="1" x14ac:dyDescent="0.2">
      <c r="A123" s="5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N123" s="3"/>
      <c r="O123" s="3"/>
      <c r="P123" s="3"/>
      <c r="Q123" s="3"/>
    </row>
    <row r="124" spans="1:17" ht="21.75" customHeight="1" x14ac:dyDescent="0.2">
      <c r="A124" s="5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N124" s="3"/>
      <c r="O124" s="3"/>
      <c r="P124" s="3"/>
      <c r="Q124" s="3"/>
    </row>
    <row r="125" spans="1:17" ht="21.75" customHeight="1" x14ac:dyDescent="0.2">
      <c r="A125" s="5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N125" s="3"/>
      <c r="O125" s="3"/>
      <c r="P125" s="3"/>
      <c r="Q125" s="3"/>
    </row>
    <row r="126" spans="1:17" ht="21.75" customHeight="1" x14ac:dyDescent="0.2">
      <c r="A126" s="5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N126" s="3"/>
      <c r="O126" s="3"/>
      <c r="P126" s="3"/>
      <c r="Q126" s="3"/>
    </row>
    <row r="127" spans="1:17" ht="21.75" customHeight="1" x14ac:dyDescent="0.2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N127" s="3"/>
      <c r="O127" s="3"/>
      <c r="P127" s="3"/>
      <c r="Q127" s="3"/>
    </row>
    <row r="128" spans="1:17" ht="21.75" customHeight="1" x14ac:dyDescent="0.2">
      <c r="A128" s="2" t="s">
        <v>100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N128" s="81"/>
      <c r="O128" s="3"/>
      <c r="P128" s="3"/>
      <c r="Q128" s="3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73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489</v>
      </c>
      <c r="H130" s="8">
        <v>394</v>
      </c>
      <c r="I130" s="8">
        <v>324</v>
      </c>
      <c r="J130" s="8">
        <v>318</v>
      </c>
      <c r="K130" s="8">
        <v>315</v>
      </c>
      <c r="L130" s="8">
        <v>309</v>
      </c>
      <c r="M130" s="8">
        <v>297</v>
      </c>
      <c r="N130" s="21">
        <v>278</v>
      </c>
      <c r="O130" s="21">
        <v>250</v>
      </c>
      <c r="P130" s="21">
        <v>218</v>
      </c>
      <c r="Q130" s="21">
        <v>182</v>
      </c>
    </row>
    <row r="131" spans="1:17" ht="21.75" customHeight="1" x14ac:dyDescent="0.2">
      <c r="A131" s="6" t="s">
        <v>74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527</v>
      </c>
      <c r="H131" s="8">
        <v>485</v>
      </c>
      <c r="I131" s="8">
        <v>393</v>
      </c>
      <c r="J131" s="8">
        <v>371</v>
      </c>
      <c r="K131" s="8">
        <v>368</v>
      </c>
      <c r="L131" s="8">
        <v>357</v>
      </c>
      <c r="M131" s="8">
        <v>348</v>
      </c>
      <c r="N131" s="21">
        <v>320</v>
      </c>
      <c r="O131" s="21">
        <v>317</v>
      </c>
      <c r="P131" s="21">
        <v>308</v>
      </c>
      <c r="Q131" s="21">
        <v>301</v>
      </c>
    </row>
    <row r="132" spans="1:17" ht="21.75" customHeight="1" x14ac:dyDescent="0.2">
      <c r="A132" s="6" t="s">
        <v>75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459</v>
      </c>
      <c r="H132" s="8">
        <v>525</v>
      </c>
      <c r="I132" s="8">
        <v>469</v>
      </c>
      <c r="J132" s="8">
        <v>451</v>
      </c>
      <c r="K132" s="8">
        <v>425</v>
      </c>
      <c r="L132" s="8">
        <v>409</v>
      </c>
      <c r="M132" s="8">
        <v>387</v>
      </c>
      <c r="N132" s="21">
        <v>398</v>
      </c>
      <c r="O132" s="21">
        <v>372</v>
      </c>
      <c r="P132" s="21">
        <v>365</v>
      </c>
      <c r="Q132" s="21">
        <v>350</v>
      </c>
    </row>
    <row r="133" spans="1:17" ht="21.75" customHeight="1" x14ac:dyDescent="0.2">
      <c r="A133" s="9" t="s">
        <v>76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556</v>
      </c>
      <c r="H133" s="11">
        <v>452</v>
      </c>
      <c r="I133" s="11">
        <v>509</v>
      </c>
      <c r="J133" s="11">
        <v>509</v>
      </c>
      <c r="K133" s="11">
        <v>490</v>
      </c>
      <c r="L133" s="11">
        <v>487</v>
      </c>
      <c r="M133" s="11">
        <v>488</v>
      </c>
      <c r="N133" s="22">
        <v>449</v>
      </c>
      <c r="O133" s="22">
        <v>440</v>
      </c>
      <c r="P133" s="22">
        <v>414</v>
      </c>
      <c r="Q133" s="22">
        <v>396</v>
      </c>
    </row>
    <row r="134" spans="1:17" ht="21.75" customHeight="1" x14ac:dyDescent="0.2">
      <c r="A134" s="9" t="s">
        <v>77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578</v>
      </c>
      <c r="H134" s="11">
        <v>495</v>
      </c>
      <c r="I134" s="11">
        <v>405</v>
      </c>
      <c r="J134" s="11">
        <v>428</v>
      </c>
      <c r="K134" s="11">
        <v>434</v>
      </c>
      <c r="L134" s="11">
        <v>435</v>
      </c>
      <c r="M134" s="11">
        <v>450</v>
      </c>
      <c r="N134" s="22">
        <v>472</v>
      </c>
      <c r="O134" s="22">
        <v>466</v>
      </c>
      <c r="P134" s="22">
        <v>450</v>
      </c>
      <c r="Q134" s="22">
        <v>449</v>
      </c>
    </row>
    <row r="135" spans="1:17" ht="21.75" customHeight="1" x14ac:dyDescent="0.2">
      <c r="A135" s="9" t="s">
        <v>78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621</v>
      </c>
      <c r="H135" s="11">
        <v>490</v>
      </c>
      <c r="I135" s="11">
        <v>434</v>
      </c>
      <c r="J135" s="11">
        <v>402</v>
      </c>
      <c r="K135" s="11">
        <v>376</v>
      </c>
      <c r="L135" s="11">
        <v>361</v>
      </c>
      <c r="M135" s="11">
        <v>316</v>
      </c>
      <c r="N135" s="22">
        <v>312</v>
      </c>
      <c r="O135" s="22">
        <v>309</v>
      </c>
      <c r="P135" s="22">
        <v>302</v>
      </c>
      <c r="Q135" s="22">
        <v>303</v>
      </c>
    </row>
    <row r="136" spans="1:17" ht="21.75" customHeight="1" x14ac:dyDescent="0.2">
      <c r="A136" s="9" t="s">
        <v>79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731</v>
      </c>
      <c r="H136" s="11">
        <v>581</v>
      </c>
      <c r="I136" s="11">
        <v>486</v>
      </c>
      <c r="J136" s="11">
        <v>476</v>
      </c>
      <c r="K136" s="11">
        <v>464</v>
      </c>
      <c r="L136" s="11">
        <v>439</v>
      </c>
      <c r="M136" s="11">
        <v>393</v>
      </c>
      <c r="N136" s="22">
        <v>361</v>
      </c>
      <c r="O136" s="22">
        <v>322</v>
      </c>
      <c r="P136" s="22">
        <v>292</v>
      </c>
      <c r="Q136" s="22">
        <v>290</v>
      </c>
    </row>
    <row r="137" spans="1:17" ht="21.75" customHeight="1" x14ac:dyDescent="0.2">
      <c r="A137" s="9" t="s">
        <v>80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616</v>
      </c>
      <c r="H137" s="11">
        <v>710</v>
      </c>
      <c r="I137" s="11">
        <v>567</v>
      </c>
      <c r="J137" s="11">
        <v>542</v>
      </c>
      <c r="K137" s="11">
        <v>534</v>
      </c>
      <c r="L137" s="11">
        <v>518</v>
      </c>
      <c r="M137" s="11">
        <v>497</v>
      </c>
      <c r="N137" s="22">
        <v>489</v>
      </c>
      <c r="O137" s="22">
        <v>454</v>
      </c>
      <c r="P137" s="22">
        <v>430</v>
      </c>
      <c r="Q137" s="22">
        <v>376</v>
      </c>
    </row>
    <row r="138" spans="1:17" ht="21.75" customHeight="1" x14ac:dyDescent="0.2">
      <c r="A138" s="9" t="s">
        <v>81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594</v>
      </c>
      <c r="H138" s="11">
        <v>608</v>
      </c>
      <c r="I138" s="11">
        <v>695</v>
      </c>
      <c r="J138" s="11">
        <v>673</v>
      </c>
      <c r="K138" s="11">
        <v>649</v>
      </c>
      <c r="L138" s="11">
        <v>629</v>
      </c>
      <c r="M138" s="11">
        <v>603</v>
      </c>
      <c r="N138" s="22">
        <v>557</v>
      </c>
      <c r="O138" s="22">
        <v>526</v>
      </c>
      <c r="P138" s="22">
        <v>514</v>
      </c>
      <c r="Q138" s="22">
        <v>494</v>
      </c>
    </row>
    <row r="139" spans="1:17" ht="21.75" customHeight="1" x14ac:dyDescent="0.2">
      <c r="A139" s="9" t="s">
        <v>82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636</v>
      </c>
      <c r="H139" s="11">
        <v>589</v>
      </c>
      <c r="I139" s="11">
        <v>623</v>
      </c>
      <c r="J139" s="11">
        <v>648</v>
      </c>
      <c r="K139" s="11">
        <v>676</v>
      </c>
      <c r="L139" s="11">
        <v>670</v>
      </c>
      <c r="M139" s="11">
        <v>672</v>
      </c>
      <c r="N139" s="22">
        <v>669</v>
      </c>
      <c r="O139" s="22">
        <v>659</v>
      </c>
      <c r="P139" s="22">
        <v>623</v>
      </c>
      <c r="Q139" s="22">
        <v>606</v>
      </c>
    </row>
    <row r="140" spans="1:17" ht="21.75" customHeight="1" x14ac:dyDescent="0.2">
      <c r="A140" s="9" t="s">
        <v>83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831</v>
      </c>
      <c r="H140" s="11">
        <v>616</v>
      </c>
      <c r="I140" s="11">
        <v>597</v>
      </c>
      <c r="J140" s="11">
        <v>559</v>
      </c>
      <c r="K140" s="11">
        <v>562</v>
      </c>
      <c r="L140" s="11">
        <v>582</v>
      </c>
      <c r="M140" s="11">
        <v>582</v>
      </c>
      <c r="N140" s="22">
        <v>605</v>
      </c>
      <c r="O140" s="22">
        <v>629</v>
      </c>
      <c r="P140" s="22">
        <v>651</v>
      </c>
      <c r="Q140" s="22">
        <v>644</v>
      </c>
    </row>
    <row r="141" spans="1:17" ht="21.75" customHeight="1" x14ac:dyDescent="0.2">
      <c r="A141" s="9" t="s">
        <v>84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901</v>
      </c>
      <c r="H141" s="11">
        <v>825</v>
      </c>
      <c r="I141" s="11">
        <v>613</v>
      </c>
      <c r="J141" s="11">
        <v>627</v>
      </c>
      <c r="K141" s="11">
        <v>596</v>
      </c>
      <c r="L141" s="11">
        <v>576</v>
      </c>
      <c r="M141" s="11">
        <v>580</v>
      </c>
      <c r="N141" s="22">
        <v>580</v>
      </c>
      <c r="O141" s="22">
        <v>540</v>
      </c>
      <c r="P141" s="22">
        <v>557</v>
      </c>
      <c r="Q141" s="22">
        <v>569</v>
      </c>
    </row>
    <row r="142" spans="1:17" ht="21.75" customHeight="1" x14ac:dyDescent="0.2">
      <c r="A142" s="9" t="s">
        <v>85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696</v>
      </c>
      <c r="H142" s="11">
        <v>897</v>
      </c>
      <c r="I142" s="11">
        <v>830</v>
      </c>
      <c r="J142" s="11">
        <v>772</v>
      </c>
      <c r="K142" s="11">
        <v>742</v>
      </c>
      <c r="L142" s="11">
        <v>723</v>
      </c>
      <c r="M142" s="11">
        <v>661</v>
      </c>
      <c r="N142" s="22">
        <v>611</v>
      </c>
      <c r="O142" s="22">
        <v>609</v>
      </c>
      <c r="P142" s="22">
        <v>574</v>
      </c>
      <c r="Q142" s="22">
        <v>561</v>
      </c>
    </row>
    <row r="143" spans="1:17" ht="21.75" customHeight="1" x14ac:dyDescent="0.2">
      <c r="A143" s="12" t="s">
        <v>86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719</v>
      </c>
      <c r="H143" s="14">
        <v>680</v>
      </c>
      <c r="I143" s="14">
        <v>889</v>
      </c>
      <c r="J143" s="14">
        <v>965</v>
      </c>
      <c r="K143" s="14">
        <v>921</v>
      </c>
      <c r="L143" s="14">
        <v>881</v>
      </c>
      <c r="M143" s="14">
        <v>850</v>
      </c>
      <c r="N143" s="23">
        <v>823</v>
      </c>
      <c r="O143" s="23">
        <v>765</v>
      </c>
      <c r="P143" s="23">
        <v>729</v>
      </c>
      <c r="Q143" s="23">
        <v>701</v>
      </c>
    </row>
    <row r="144" spans="1:17" ht="21.75" customHeight="1" x14ac:dyDescent="0.2">
      <c r="A144" s="12" t="s">
        <v>87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729</v>
      </c>
      <c r="H144" s="14">
        <v>693</v>
      </c>
      <c r="I144" s="14">
        <v>663</v>
      </c>
      <c r="J144" s="14">
        <v>629</v>
      </c>
      <c r="K144" s="14">
        <v>683</v>
      </c>
      <c r="L144" s="14">
        <v>741</v>
      </c>
      <c r="M144" s="14">
        <v>809</v>
      </c>
      <c r="N144" s="23">
        <v>865</v>
      </c>
      <c r="O144" s="23">
        <v>939</v>
      </c>
      <c r="P144" s="23">
        <v>892</v>
      </c>
      <c r="Q144" s="23">
        <v>846</v>
      </c>
    </row>
    <row r="145" spans="1:17" ht="21.75" customHeight="1" x14ac:dyDescent="0.2">
      <c r="A145" s="12" t="s">
        <v>88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739</v>
      </c>
      <c r="H145" s="14">
        <v>689</v>
      </c>
      <c r="I145" s="14">
        <v>634</v>
      </c>
      <c r="J145" s="14">
        <v>615</v>
      </c>
      <c r="K145" s="14">
        <v>619</v>
      </c>
      <c r="L145" s="14">
        <v>601</v>
      </c>
      <c r="M145" s="14">
        <v>616</v>
      </c>
      <c r="N145" s="23">
        <v>619</v>
      </c>
      <c r="O145" s="23">
        <v>589</v>
      </c>
      <c r="P145" s="23">
        <v>646</v>
      </c>
      <c r="Q145" s="23">
        <v>713</v>
      </c>
    </row>
    <row r="146" spans="1:17" ht="21.75" customHeight="1" x14ac:dyDescent="0.2">
      <c r="A146" s="12" t="s">
        <v>89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469</v>
      </c>
      <c r="H146" s="14">
        <v>647</v>
      </c>
      <c r="I146" s="14">
        <v>616</v>
      </c>
      <c r="J146" s="14">
        <v>611</v>
      </c>
      <c r="K146" s="14">
        <v>598</v>
      </c>
      <c r="L146" s="14">
        <v>611</v>
      </c>
      <c r="M146" s="14">
        <v>569</v>
      </c>
      <c r="N146" s="23">
        <v>563</v>
      </c>
      <c r="O146" s="23">
        <v>556</v>
      </c>
      <c r="P146" s="23">
        <v>561</v>
      </c>
      <c r="Q146" s="23">
        <v>539</v>
      </c>
    </row>
    <row r="147" spans="1:17" ht="21.75" customHeight="1" x14ac:dyDescent="0.2">
      <c r="A147" s="12" t="s">
        <v>90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314</v>
      </c>
      <c r="H147" s="14">
        <v>353</v>
      </c>
      <c r="I147" s="14">
        <v>516</v>
      </c>
      <c r="J147" s="14">
        <v>513</v>
      </c>
      <c r="K147" s="14">
        <v>539</v>
      </c>
      <c r="L147" s="14">
        <v>523</v>
      </c>
      <c r="M147" s="14">
        <v>532</v>
      </c>
      <c r="N147" s="23">
        <v>501</v>
      </c>
      <c r="O147" s="23">
        <v>499</v>
      </c>
      <c r="P147" s="23">
        <v>489</v>
      </c>
      <c r="Q147" s="23">
        <v>495</v>
      </c>
    </row>
    <row r="148" spans="1:17" ht="21.75" customHeight="1" x14ac:dyDescent="0.2">
      <c r="A148" s="12" t="s">
        <v>91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163</v>
      </c>
      <c r="H148" s="14">
        <v>185</v>
      </c>
      <c r="I148" s="14">
        <v>234</v>
      </c>
      <c r="J148" s="14">
        <v>285</v>
      </c>
      <c r="K148" s="14">
        <v>283</v>
      </c>
      <c r="L148" s="14">
        <v>295</v>
      </c>
      <c r="M148" s="14">
        <v>310</v>
      </c>
      <c r="N148" s="23">
        <v>323</v>
      </c>
      <c r="O148" s="23">
        <v>333</v>
      </c>
      <c r="P148" s="23">
        <v>343</v>
      </c>
      <c r="Q148" s="23">
        <v>308</v>
      </c>
    </row>
    <row r="149" spans="1:17" ht="21.75" customHeight="1" x14ac:dyDescent="0.2">
      <c r="A149" s="12" t="s">
        <v>92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55</v>
      </c>
      <c r="H149" s="14">
        <v>52</v>
      </c>
      <c r="I149" s="14">
        <v>76</v>
      </c>
      <c r="J149" s="14">
        <v>77</v>
      </c>
      <c r="K149" s="14">
        <v>80</v>
      </c>
      <c r="L149" s="14">
        <v>96</v>
      </c>
      <c r="M149" s="14">
        <v>101</v>
      </c>
      <c r="N149" s="23">
        <v>104</v>
      </c>
      <c r="O149" s="23">
        <v>126</v>
      </c>
      <c r="P149" s="23">
        <v>124</v>
      </c>
      <c r="Q149" s="23">
        <v>115</v>
      </c>
    </row>
    <row r="150" spans="1:17" ht="21.75" customHeight="1" x14ac:dyDescent="0.2">
      <c r="A150" s="12" t="s">
        <v>93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5</v>
      </c>
      <c r="H150" s="14">
        <v>11</v>
      </c>
      <c r="I150" s="14">
        <v>12</v>
      </c>
      <c r="J150" s="14">
        <v>14</v>
      </c>
      <c r="K150" s="14">
        <v>13</v>
      </c>
      <c r="L150" s="14">
        <v>10</v>
      </c>
      <c r="M150" s="14">
        <v>12</v>
      </c>
      <c r="N150" s="23">
        <v>10</v>
      </c>
      <c r="O150" s="23">
        <v>10</v>
      </c>
      <c r="P150" s="23">
        <v>15</v>
      </c>
      <c r="Q150" s="23">
        <v>18</v>
      </c>
    </row>
    <row r="151" spans="1:17" ht="21.75" customHeight="1" x14ac:dyDescent="0.2">
      <c r="A151" s="15" t="s">
        <v>101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1428</v>
      </c>
      <c r="H151" s="17">
        <f t="shared" ref="H151:Q151" si="18">SUM(H130:H150)</f>
        <v>10977</v>
      </c>
      <c r="I151" s="17">
        <f t="shared" si="18"/>
        <v>10585</v>
      </c>
      <c r="J151" s="17">
        <f t="shared" si="18"/>
        <v>10485</v>
      </c>
      <c r="K151" s="17">
        <f t="shared" si="18"/>
        <v>10367</v>
      </c>
      <c r="L151" s="17">
        <f t="shared" si="18"/>
        <v>10253</v>
      </c>
      <c r="M151" s="17">
        <f t="shared" si="18"/>
        <v>10073</v>
      </c>
      <c r="N151" s="17">
        <f t="shared" si="18"/>
        <v>9909</v>
      </c>
      <c r="O151" s="17">
        <f t="shared" si="18"/>
        <v>9710</v>
      </c>
      <c r="P151" s="17">
        <f t="shared" si="18"/>
        <v>9497</v>
      </c>
      <c r="Q151" s="17">
        <f t="shared" si="18"/>
        <v>9256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  <c r="M152" s="82"/>
      <c r="N152" s="82"/>
      <c r="O152" s="82"/>
      <c r="P152" s="3"/>
      <c r="Q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95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475</v>
      </c>
      <c r="H156" s="8">
        <f t="shared" si="19"/>
        <v>1404</v>
      </c>
      <c r="I156" s="8">
        <f t="shared" si="19"/>
        <v>1186</v>
      </c>
      <c r="J156" s="8">
        <f t="shared" si="19"/>
        <v>1140</v>
      </c>
      <c r="K156" s="8">
        <f t="shared" si="19"/>
        <v>1108</v>
      </c>
      <c r="L156" s="8">
        <f t="shared" si="19"/>
        <v>1075</v>
      </c>
      <c r="M156" s="8">
        <f t="shared" si="19"/>
        <v>1032</v>
      </c>
      <c r="N156" s="8">
        <f t="shared" si="19"/>
        <v>996</v>
      </c>
      <c r="O156" s="8">
        <f t="shared" si="19"/>
        <v>939</v>
      </c>
      <c r="P156" s="8">
        <f t="shared" si="19"/>
        <v>891</v>
      </c>
      <c r="Q156" s="8">
        <v>833</v>
      </c>
    </row>
    <row r="157" spans="1:17" ht="21.75" customHeight="1" x14ac:dyDescent="0.2">
      <c r="A157" s="9" t="s">
        <v>96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6760</v>
      </c>
      <c r="H157" s="11">
        <f t="shared" si="20"/>
        <v>6263</v>
      </c>
      <c r="I157" s="11">
        <f t="shared" si="20"/>
        <v>5759</v>
      </c>
      <c r="J157" s="11">
        <f t="shared" si="20"/>
        <v>5636</v>
      </c>
      <c r="K157" s="11">
        <f t="shared" si="20"/>
        <v>5523</v>
      </c>
      <c r="L157" s="11">
        <f t="shared" si="20"/>
        <v>5420</v>
      </c>
      <c r="M157" s="11">
        <f t="shared" si="20"/>
        <v>5242</v>
      </c>
      <c r="N157" s="11">
        <f t="shared" si="20"/>
        <v>5105</v>
      </c>
      <c r="O157" s="11">
        <f t="shared" si="20"/>
        <v>4954</v>
      </c>
      <c r="P157" s="11">
        <f t="shared" si="20"/>
        <v>4807</v>
      </c>
      <c r="Q157" s="11">
        <v>4688</v>
      </c>
    </row>
    <row r="158" spans="1:17" ht="21.75" customHeight="1" x14ac:dyDescent="0.2">
      <c r="A158" s="12" t="s">
        <v>97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3193</v>
      </c>
      <c r="H158" s="14">
        <f t="shared" si="21"/>
        <v>3310</v>
      </c>
      <c r="I158" s="14">
        <f t="shared" si="21"/>
        <v>3640</v>
      </c>
      <c r="J158" s="14">
        <f t="shared" si="21"/>
        <v>3709</v>
      </c>
      <c r="K158" s="14">
        <f t="shared" si="21"/>
        <v>3736</v>
      </c>
      <c r="L158" s="14">
        <f t="shared" si="21"/>
        <v>3758</v>
      </c>
      <c r="M158" s="14">
        <f t="shared" si="21"/>
        <v>3799</v>
      </c>
      <c r="N158" s="14">
        <f t="shared" si="21"/>
        <v>3808</v>
      </c>
      <c r="O158" s="14">
        <f t="shared" si="21"/>
        <v>3817</v>
      </c>
      <c r="P158" s="14">
        <f t="shared" si="21"/>
        <v>3799</v>
      </c>
      <c r="Q158" s="14">
        <v>3735</v>
      </c>
    </row>
    <row r="159" spans="1:17" ht="21.75" customHeight="1" x14ac:dyDescent="0.2">
      <c r="A159" s="15" t="s">
        <v>98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 t="shared" ref="G159:Q159" si="22">SUM(G156:G158)</f>
        <v>11428</v>
      </c>
      <c r="H159" s="17">
        <f t="shared" si="22"/>
        <v>10977</v>
      </c>
      <c r="I159" s="17">
        <f t="shared" si="22"/>
        <v>10585</v>
      </c>
      <c r="J159" s="17">
        <f t="shared" si="22"/>
        <v>10485</v>
      </c>
      <c r="K159" s="17">
        <f t="shared" si="22"/>
        <v>10367</v>
      </c>
      <c r="L159" s="17">
        <f t="shared" si="22"/>
        <v>10253</v>
      </c>
      <c r="M159" s="17">
        <f t="shared" si="22"/>
        <v>10073</v>
      </c>
      <c r="N159" s="17">
        <f t="shared" si="22"/>
        <v>9909</v>
      </c>
      <c r="O159" s="17">
        <f t="shared" si="22"/>
        <v>9710</v>
      </c>
      <c r="P159" s="17">
        <f t="shared" si="22"/>
        <v>9497</v>
      </c>
      <c r="Q159" s="17">
        <f t="shared" si="22"/>
        <v>9256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71" t="s">
        <v>7</v>
      </c>
      <c r="C164" s="71" t="s">
        <v>7</v>
      </c>
      <c r="D164" s="71" t="s">
        <v>7</v>
      </c>
      <c r="E164" s="71" t="s">
        <v>7</v>
      </c>
      <c r="F164" s="71" t="s">
        <v>7</v>
      </c>
      <c r="G164" s="72">
        <f t="shared" ref="G164:H166" si="23">ROUND(G156/G$159*100,1)</f>
        <v>12.9</v>
      </c>
      <c r="H164" s="72">
        <f t="shared" si="23"/>
        <v>12.8</v>
      </c>
      <c r="I164" s="72">
        <f>ROUND(I156/I$159*100,1)</f>
        <v>11.2</v>
      </c>
      <c r="J164" s="72">
        <f t="shared" ref="J164:Q166" si="24">ROUND(J156/J$159*100,1)</f>
        <v>10.9</v>
      </c>
      <c r="K164" s="72">
        <f t="shared" si="24"/>
        <v>10.7</v>
      </c>
      <c r="L164" s="72">
        <f t="shared" si="24"/>
        <v>10.5</v>
      </c>
      <c r="M164" s="72">
        <f t="shared" si="24"/>
        <v>10.199999999999999</v>
      </c>
      <c r="N164" s="72">
        <f t="shared" si="24"/>
        <v>10.1</v>
      </c>
      <c r="O164" s="72">
        <f t="shared" si="24"/>
        <v>9.6999999999999993</v>
      </c>
      <c r="P164" s="72">
        <f t="shared" si="24"/>
        <v>9.4</v>
      </c>
      <c r="Q164" s="72">
        <f t="shared" si="24"/>
        <v>9</v>
      </c>
    </row>
    <row r="165" spans="1:20" ht="21.75" customHeight="1" x14ac:dyDescent="0.2">
      <c r="A165" s="9" t="s">
        <v>34</v>
      </c>
      <c r="B165" s="73" t="s">
        <v>7</v>
      </c>
      <c r="C165" s="73" t="s">
        <v>7</v>
      </c>
      <c r="D165" s="73" t="s">
        <v>7</v>
      </c>
      <c r="E165" s="73" t="s">
        <v>7</v>
      </c>
      <c r="F165" s="73" t="s">
        <v>7</v>
      </c>
      <c r="G165" s="74">
        <f t="shared" si="23"/>
        <v>59.2</v>
      </c>
      <c r="H165" s="74">
        <f t="shared" si="23"/>
        <v>57.1</v>
      </c>
      <c r="I165" s="74">
        <f>ROUND(I157/I$159*100,1)</f>
        <v>54.4</v>
      </c>
      <c r="J165" s="74">
        <f t="shared" si="24"/>
        <v>53.8</v>
      </c>
      <c r="K165" s="74">
        <f t="shared" si="24"/>
        <v>53.3</v>
      </c>
      <c r="L165" s="74">
        <f t="shared" si="24"/>
        <v>52.9</v>
      </c>
      <c r="M165" s="74">
        <f t="shared" si="24"/>
        <v>52</v>
      </c>
      <c r="N165" s="74">
        <f t="shared" si="24"/>
        <v>51.5</v>
      </c>
      <c r="O165" s="74">
        <f t="shared" si="24"/>
        <v>51</v>
      </c>
      <c r="P165" s="74">
        <f t="shared" si="24"/>
        <v>50.6</v>
      </c>
      <c r="Q165" s="74">
        <f t="shared" si="24"/>
        <v>50.6</v>
      </c>
    </row>
    <row r="166" spans="1:20" ht="21.75" customHeight="1" x14ac:dyDescent="0.2">
      <c r="A166" s="12" t="s">
        <v>35</v>
      </c>
      <c r="B166" s="75" t="s">
        <v>7</v>
      </c>
      <c r="C166" s="75" t="s">
        <v>7</v>
      </c>
      <c r="D166" s="75" t="s">
        <v>7</v>
      </c>
      <c r="E166" s="75" t="s">
        <v>7</v>
      </c>
      <c r="F166" s="75" t="s">
        <v>7</v>
      </c>
      <c r="G166" s="76">
        <f t="shared" si="23"/>
        <v>27.9</v>
      </c>
      <c r="H166" s="76">
        <f t="shared" si="23"/>
        <v>30.2</v>
      </c>
      <c r="I166" s="76">
        <f>ROUND(I158/I$159*100,1)</f>
        <v>34.4</v>
      </c>
      <c r="J166" s="76">
        <f t="shared" si="24"/>
        <v>35.4</v>
      </c>
      <c r="K166" s="76">
        <f t="shared" si="24"/>
        <v>36</v>
      </c>
      <c r="L166" s="76">
        <f t="shared" si="24"/>
        <v>36.700000000000003</v>
      </c>
      <c r="M166" s="76">
        <f t="shared" si="24"/>
        <v>37.700000000000003</v>
      </c>
      <c r="N166" s="76">
        <f t="shared" si="24"/>
        <v>38.4</v>
      </c>
      <c r="O166" s="76">
        <f t="shared" si="24"/>
        <v>39.299999999999997</v>
      </c>
      <c r="P166" s="76">
        <f t="shared" si="24"/>
        <v>40</v>
      </c>
      <c r="Q166" s="76">
        <f t="shared" si="24"/>
        <v>40.4</v>
      </c>
    </row>
    <row r="167" spans="1:20" ht="21.75" customHeight="1" x14ac:dyDescent="0.2">
      <c r="A167" s="5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66"/>
      <c r="B168" s="66"/>
      <c r="C168" s="66"/>
      <c r="D168" s="66"/>
      <c r="E168" s="66"/>
      <c r="F168" s="66"/>
      <c r="G168" s="66"/>
      <c r="H168" s="66"/>
      <c r="I168" s="66"/>
      <c r="J168" s="66"/>
      <c r="K168" s="66"/>
      <c r="L168" s="66"/>
      <c r="M168" s="66"/>
      <c r="N168" s="66"/>
      <c r="O168" s="66"/>
      <c r="P168" s="66"/>
      <c r="Q168" s="66"/>
      <c r="R168" s="66"/>
      <c r="S168" s="66"/>
      <c r="T168" s="6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843BBE-26A0-4A80-AA80-F62B2C7555BF}">
  <sheetPr codeName="Sheet68"/>
  <dimension ref="A1:T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45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337</v>
      </c>
      <c r="H5" s="8">
        <f t="shared" si="0"/>
        <v>279</v>
      </c>
      <c r="I5" s="8">
        <f t="shared" si="0"/>
        <v>245</v>
      </c>
      <c r="J5" s="8">
        <f t="shared" si="0"/>
        <v>258</v>
      </c>
      <c r="K5" s="8">
        <f t="shared" si="0"/>
        <v>260</v>
      </c>
      <c r="L5" s="8">
        <f t="shared" si="0"/>
        <v>230</v>
      </c>
      <c r="M5" s="8">
        <f t="shared" si="0"/>
        <v>226</v>
      </c>
      <c r="N5" s="8">
        <f t="shared" si="0"/>
        <v>211</v>
      </c>
      <c r="O5" s="8">
        <f t="shared" si="0"/>
        <v>189</v>
      </c>
      <c r="P5" s="8">
        <f t="shared" si="0"/>
        <v>167</v>
      </c>
      <c r="Q5" s="8">
        <f t="shared" si="0"/>
        <v>143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406</v>
      </c>
      <c r="H6" s="8">
        <f t="shared" si="0"/>
        <v>344</v>
      </c>
      <c r="I6" s="8">
        <f t="shared" si="0"/>
        <v>278</v>
      </c>
      <c r="J6" s="8">
        <f t="shared" si="0"/>
        <v>251</v>
      </c>
      <c r="K6" s="8">
        <f t="shared" si="0"/>
        <v>236</v>
      </c>
      <c r="L6" s="8">
        <f t="shared" si="0"/>
        <v>252</v>
      </c>
      <c r="M6" s="8">
        <f t="shared" si="0"/>
        <v>250</v>
      </c>
      <c r="N6" s="8">
        <f t="shared" si="0"/>
        <v>242</v>
      </c>
      <c r="O6" s="8">
        <f t="shared" si="0"/>
        <v>251</v>
      </c>
      <c r="P6" s="8">
        <f t="shared" si="0"/>
        <v>255</v>
      </c>
      <c r="Q6" s="8">
        <f t="shared" si="0"/>
        <v>222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362</v>
      </c>
      <c r="H7" s="8">
        <f t="shared" si="0"/>
        <v>421</v>
      </c>
      <c r="I7" s="8">
        <f t="shared" si="0"/>
        <v>369</v>
      </c>
      <c r="J7" s="8">
        <f t="shared" si="0"/>
        <v>360</v>
      </c>
      <c r="K7" s="8">
        <f t="shared" si="0"/>
        <v>342</v>
      </c>
      <c r="L7" s="8">
        <f t="shared" si="0"/>
        <v>319</v>
      </c>
      <c r="M7" s="8">
        <f t="shared" si="0"/>
        <v>288</v>
      </c>
      <c r="N7" s="8">
        <f t="shared" si="0"/>
        <v>272</v>
      </c>
      <c r="O7" s="8">
        <f t="shared" si="0"/>
        <v>243</v>
      </c>
      <c r="P7" s="8">
        <f t="shared" si="0"/>
        <v>239</v>
      </c>
      <c r="Q7" s="8">
        <f t="shared" si="0"/>
        <v>253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401</v>
      </c>
      <c r="H8" s="11">
        <f t="shared" si="0"/>
        <v>368</v>
      </c>
      <c r="I8" s="11">
        <f t="shared" si="0"/>
        <v>413</v>
      </c>
      <c r="J8" s="11">
        <f t="shared" si="0"/>
        <v>401</v>
      </c>
      <c r="K8" s="11">
        <f t="shared" si="0"/>
        <v>392</v>
      </c>
      <c r="L8" s="11">
        <f t="shared" si="0"/>
        <v>382</v>
      </c>
      <c r="M8" s="11">
        <f t="shared" si="0"/>
        <v>372</v>
      </c>
      <c r="N8" s="11">
        <f t="shared" si="0"/>
        <v>350</v>
      </c>
      <c r="O8" s="11">
        <f t="shared" si="0"/>
        <v>343</v>
      </c>
      <c r="P8" s="11">
        <f t="shared" si="0"/>
        <v>319</v>
      </c>
      <c r="Q8" s="11">
        <f t="shared" si="0"/>
        <v>291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393</v>
      </c>
      <c r="H9" s="11">
        <f t="shared" si="0"/>
        <v>376</v>
      </c>
      <c r="I9" s="11">
        <f t="shared" si="0"/>
        <v>327</v>
      </c>
      <c r="J9" s="11">
        <f t="shared" si="0"/>
        <v>349</v>
      </c>
      <c r="K9" s="11">
        <f t="shared" si="0"/>
        <v>359</v>
      </c>
      <c r="L9" s="11">
        <f t="shared" si="0"/>
        <v>375</v>
      </c>
      <c r="M9" s="11">
        <f t="shared" si="0"/>
        <v>403</v>
      </c>
      <c r="N9" s="11">
        <f t="shared" si="0"/>
        <v>402</v>
      </c>
      <c r="O9" s="11">
        <f t="shared" si="0"/>
        <v>380</v>
      </c>
      <c r="P9" s="11">
        <f t="shared" si="0"/>
        <v>390</v>
      </c>
      <c r="Q9" s="11">
        <f t="shared" si="0"/>
        <v>366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454</v>
      </c>
      <c r="H10" s="11">
        <f t="shared" si="0"/>
        <v>375</v>
      </c>
      <c r="I10" s="11">
        <f t="shared" si="0"/>
        <v>357</v>
      </c>
      <c r="J10" s="11">
        <f t="shared" si="0"/>
        <v>345</v>
      </c>
      <c r="K10" s="11">
        <f t="shared" si="0"/>
        <v>330</v>
      </c>
      <c r="L10" s="11">
        <f t="shared" si="0"/>
        <v>336</v>
      </c>
      <c r="M10" s="11">
        <f t="shared" si="0"/>
        <v>318</v>
      </c>
      <c r="N10" s="11">
        <f t="shared" si="0"/>
        <v>317</v>
      </c>
      <c r="O10" s="11">
        <f t="shared" si="0"/>
        <v>326</v>
      </c>
      <c r="P10" s="11">
        <f t="shared" si="0"/>
        <v>322</v>
      </c>
      <c r="Q10" s="11">
        <f t="shared" si="0"/>
        <v>322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491</v>
      </c>
      <c r="H11" s="11">
        <f t="shared" si="0"/>
        <v>438</v>
      </c>
      <c r="I11" s="11">
        <f t="shared" si="0"/>
        <v>358</v>
      </c>
      <c r="J11" s="11">
        <f t="shared" si="0"/>
        <v>373</v>
      </c>
      <c r="K11" s="11">
        <f t="shared" si="0"/>
        <v>383</v>
      </c>
      <c r="L11" s="11">
        <f t="shared" si="0"/>
        <v>371</v>
      </c>
      <c r="M11" s="11">
        <f t="shared" si="0"/>
        <v>343</v>
      </c>
      <c r="N11" s="11">
        <f t="shared" si="0"/>
        <v>333</v>
      </c>
      <c r="O11" s="11">
        <f t="shared" si="0"/>
        <v>318</v>
      </c>
      <c r="P11" s="11">
        <f t="shared" si="0"/>
        <v>302</v>
      </c>
      <c r="Q11" s="11">
        <f t="shared" si="0"/>
        <v>298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481</v>
      </c>
      <c r="H12" s="11">
        <f t="shared" si="0"/>
        <v>505</v>
      </c>
      <c r="I12" s="11">
        <f t="shared" si="0"/>
        <v>443</v>
      </c>
      <c r="J12" s="11">
        <f t="shared" si="0"/>
        <v>428</v>
      </c>
      <c r="K12" s="11">
        <f t="shared" si="0"/>
        <v>420</v>
      </c>
      <c r="L12" s="11">
        <f t="shared" si="0"/>
        <v>422</v>
      </c>
      <c r="M12" s="11">
        <f t="shared" si="0"/>
        <v>402</v>
      </c>
      <c r="N12" s="11">
        <f t="shared" si="0"/>
        <v>377</v>
      </c>
      <c r="O12" s="11">
        <f t="shared" si="0"/>
        <v>355</v>
      </c>
      <c r="P12" s="11">
        <f t="shared" si="0"/>
        <v>376</v>
      </c>
      <c r="Q12" s="11">
        <f t="shared" si="0"/>
        <v>334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451</v>
      </c>
      <c r="H13" s="11">
        <f t="shared" si="0"/>
        <v>496</v>
      </c>
      <c r="I13" s="11">
        <f t="shared" si="0"/>
        <v>513</v>
      </c>
      <c r="J13" s="11">
        <f t="shared" si="0"/>
        <v>500</v>
      </c>
      <c r="K13" s="11">
        <f t="shared" si="0"/>
        <v>479</v>
      </c>
      <c r="L13" s="11">
        <f t="shared" si="0"/>
        <v>456</v>
      </c>
      <c r="M13" s="11">
        <f t="shared" si="0"/>
        <v>445</v>
      </c>
      <c r="N13" s="11">
        <f t="shared" si="0"/>
        <v>434</v>
      </c>
      <c r="O13" s="11">
        <f t="shared" si="0"/>
        <v>422</v>
      </c>
      <c r="P13" s="11">
        <f t="shared" si="0"/>
        <v>402</v>
      </c>
      <c r="Q13" s="11">
        <f t="shared" si="0"/>
        <v>397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429</v>
      </c>
      <c r="H14" s="11">
        <f t="shared" si="0"/>
        <v>451</v>
      </c>
      <c r="I14" s="11">
        <f t="shared" si="0"/>
        <v>503</v>
      </c>
      <c r="J14" s="11">
        <f t="shared" si="0"/>
        <v>513</v>
      </c>
      <c r="K14" s="11">
        <f t="shared" si="0"/>
        <v>532</v>
      </c>
      <c r="L14" s="11">
        <f t="shared" si="0"/>
        <v>523</v>
      </c>
      <c r="M14" s="11">
        <f t="shared" si="0"/>
        <v>520</v>
      </c>
      <c r="N14" s="11">
        <f t="shared" si="0"/>
        <v>494</v>
      </c>
      <c r="O14" s="11">
        <f t="shared" si="0"/>
        <v>480</v>
      </c>
      <c r="P14" s="11">
        <f t="shared" si="0"/>
        <v>455</v>
      </c>
      <c r="Q14" s="11">
        <f t="shared" si="0"/>
        <v>427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551</v>
      </c>
      <c r="H15" s="11">
        <f t="shared" si="0"/>
        <v>427</v>
      </c>
      <c r="I15" s="11">
        <f t="shared" si="0"/>
        <v>465</v>
      </c>
      <c r="J15" s="11">
        <f t="shared" si="0"/>
        <v>423</v>
      </c>
      <c r="K15" s="11">
        <f t="shared" si="0"/>
        <v>438</v>
      </c>
      <c r="L15" s="11">
        <f t="shared" si="0"/>
        <v>462</v>
      </c>
      <c r="M15" s="11">
        <f t="shared" si="0"/>
        <v>462</v>
      </c>
      <c r="N15" s="11">
        <f t="shared" si="0"/>
        <v>494</v>
      </c>
      <c r="O15" s="11">
        <f t="shared" si="0"/>
        <v>514</v>
      </c>
      <c r="P15" s="11">
        <f t="shared" si="0"/>
        <v>521</v>
      </c>
      <c r="Q15" s="11">
        <f t="shared" si="0"/>
        <v>513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610</v>
      </c>
      <c r="H16" s="11">
        <f t="shared" si="0"/>
        <v>550</v>
      </c>
      <c r="I16" s="11">
        <f t="shared" si="0"/>
        <v>441</v>
      </c>
      <c r="J16" s="11">
        <f t="shared" si="0"/>
        <v>459</v>
      </c>
      <c r="K16" s="11">
        <f t="shared" si="0"/>
        <v>455</v>
      </c>
      <c r="L16" s="11">
        <f t="shared" si="0"/>
        <v>454</v>
      </c>
      <c r="M16" s="11">
        <f t="shared" si="0"/>
        <v>468</v>
      </c>
      <c r="N16" s="11">
        <f t="shared" si="0"/>
        <v>466</v>
      </c>
      <c r="O16" s="11">
        <f t="shared" si="0"/>
        <v>422</v>
      </c>
      <c r="P16" s="11">
        <f t="shared" si="0"/>
        <v>435</v>
      </c>
      <c r="Q16" s="11">
        <f t="shared" si="0"/>
        <v>457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499</v>
      </c>
      <c r="H17" s="11">
        <f t="shared" si="0"/>
        <v>607</v>
      </c>
      <c r="I17" s="11">
        <f t="shared" si="0"/>
        <v>561</v>
      </c>
      <c r="J17" s="11">
        <f t="shared" si="0"/>
        <v>543</v>
      </c>
      <c r="K17" s="11">
        <f t="shared" si="0"/>
        <v>519</v>
      </c>
      <c r="L17" s="11">
        <f t="shared" si="0"/>
        <v>480</v>
      </c>
      <c r="M17" s="11">
        <f t="shared" si="0"/>
        <v>449</v>
      </c>
      <c r="N17" s="11">
        <f t="shared" si="0"/>
        <v>436</v>
      </c>
      <c r="O17" s="11">
        <f t="shared" si="0"/>
        <v>446</v>
      </c>
      <c r="P17" s="11">
        <f t="shared" si="0"/>
        <v>446</v>
      </c>
      <c r="Q17" s="11">
        <f t="shared" si="0"/>
        <v>450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423</v>
      </c>
      <c r="H18" s="14">
        <f t="shared" si="0"/>
        <v>490</v>
      </c>
      <c r="I18" s="14">
        <f t="shared" si="0"/>
        <v>605</v>
      </c>
      <c r="J18" s="14">
        <f t="shared" si="0"/>
        <v>640</v>
      </c>
      <c r="K18" s="14">
        <f t="shared" si="0"/>
        <v>636</v>
      </c>
      <c r="L18" s="14">
        <f t="shared" si="0"/>
        <v>601</v>
      </c>
      <c r="M18" s="14">
        <f t="shared" si="0"/>
        <v>580</v>
      </c>
      <c r="N18" s="14">
        <f t="shared" si="0"/>
        <v>550</v>
      </c>
      <c r="O18" s="14">
        <f t="shared" si="0"/>
        <v>526</v>
      </c>
      <c r="P18" s="14">
        <f t="shared" si="0"/>
        <v>500</v>
      </c>
      <c r="Q18" s="14">
        <f t="shared" si="0"/>
        <v>468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387</v>
      </c>
      <c r="H19" s="14">
        <f t="shared" si="0"/>
        <v>413</v>
      </c>
      <c r="I19" s="14">
        <f t="shared" si="0"/>
        <v>471</v>
      </c>
      <c r="J19" s="14">
        <f t="shared" si="0"/>
        <v>439</v>
      </c>
      <c r="K19" s="14">
        <f t="shared" si="0"/>
        <v>449</v>
      </c>
      <c r="L19" s="14">
        <f t="shared" si="0"/>
        <v>512</v>
      </c>
      <c r="M19" s="14">
        <f t="shared" si="0"/>
        <v>534</v>
      </c>
      <c r="N19" s="14">
        <f t="shared" si="0"/>
        <v>581</v>
      </c>
      <c r="O19" s="14">
        <f t="shared" si="0"/>
        <v>621</v>
      </c>
      <c r="P19" s="14">
        <f t="shared" si="0"/>
        <v>609</v>
      </c>
      <c r="Q19" s="14">
        <f t="shared" si="0"/>
        <v>567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388</v>
      </c>
      <c r="H20" s="14">
        <f t="shared" si="0"/>
        <v>343</v>
      </c>
      <c r="I20" s="14">
        <f t="shared" si="0"/>
        <v>357</v>
      </c>
      <c r="J20" s="14">
        <f t="shared" si="0"/>
        <v>359</v>
      </c>
      <c r="K20" s="14">
        <f t="shared" si="0"/>
        <v>378</v>
      </c>
      <c r="L20" s="14">
        <f t="shared" si="0"/>
        <v>385</v>
      </c>
      <c r="M20" s="14">
        <f t="shared" si="0"/>
        <v>419</v>
      </c>
      <c r="N20" s="14">
        <f t="shared" si="0"/>
        <v>437</v>
      </c>
      <c r="O20" s="14">
        <f t="shared" si="0"/>
        <v>406</v>
      </c>
      <c r="P20" s="14">
        <f t="shared" si="0"/>
        <v>420</v>
      </c>
      <c r="Q20" s="14">
        <f t="shared" si="0"/>
        <v>484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221</v>
      </c>
      <c r="H21" s="14">
        <f t="shared" si="1"/>
        <v>335</v>
      </c>
      <c r="I21" s="14">
        <f t="shared" si="1"/>
        <v>285</v>
      </c>
      <c r="J21" s="14">
        <f t="shared" si="1"/>
        <v>300</v>
      </c>
      <c r="K21" s="14">
        <f t="shared" si="1"/>
        <v>322</v>
      </c>
      <c r="L21" s="14">
        <f t="shared" si="1"/>
        <v>328</v>
      </c>
      <c r="M21" s="14">
        <f t="shared" si="1"/>
        <v>302</v>
      </c>
      <c r="N21" s="14">
        <f t="shared" si="1"/>
        <v>293</v>
      </c>
      <c r="O21" s="14">
        <f t="shared" si="1"/>
        <v>300</v>
      </c>
      <c r="P21" s="14">
        <f t="shared" si="1"/>
        <v>318</v>
      </c>
      <c r="Q21" s="14">
        <f t="shared" si="1"/>
        <v>338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134</v>
      </c>
      <c r="H22" s="14">
        <f t="shared" si="1"/>
        <v>150</v>
      </c>
      <c r="I22" s="14">
        <f t="shared" si="1"/>
        <v>256</v>
      </c>
      <c r="J22" s="14">
        <f t="shared" si="1"/>
        <v>243</v>
      </c>
      <c r="K22" s="14">
        <f t="shared" si="1"/>
        <v>237</v>
      </c>
      <c r="L22" s="14">
        <f t="shared" si="1"/>
        <v>224</v>
      </c>
      <c r="M22" s="14">
        <f t="shared" si="1"/>
        <v>217</v>
      </c>
      <c r="N22" s="14">
        <f t="shared" si="1"/>
        <v>209</v>
      </c>
      <c r="O22" s="14">
        <f t="shared" si="1"/>
        <v>226</v>
      </c>
      <c r="P22" s="14">
        <f t="shared" si="1"/>
        <v>238</v>
      </c>
      <c r="Q22" s="14">
        <f t="shared" si="1"/>
        <v>237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65</v>
      </c>
      <c r="H23" s="14">
        <f t="shared" si="1"/>
        <v>79</v>
      </c>
      <c r="I23" s="14">
        <f t="shared" si="1"/>
        <v>99</v>
      </c>
      <c r="J23" s="14">
        <f t="shared" si="1"/>
        <v>128</v>
      </c>
      <c r="K23" s="14">
        <f t="shared" si="1"/>
        <v>128</v>
      </c>
      <c r="L23" s="14">
        <f t="shared" si="1"/>
        <v>128</v>
      </c>
      <c r="M23" s="14">
        <f t="shared" si="1"/>
        <v>135</v>
      </c>
      <c r="N23" s="14">
        <f t="shared" si="1"/>
        <v>136</v>
      </c>
      <c r="O23" s="14">
        <f t="shared" si="1"/>
        <v>138</v>
      </c>
      <c r="P23" s="14">
        <f t="shared" si="1"/>
        <v>127</v>
      </c>
      <c r="Q23" s="14">
        <f t="shared" si="1"/>
        <v>114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22</v>
      </c>
      <c r="H24" s="14">
        <f t="shared" si="1"/>
        <v>15</v>
      </c>
      <c r="I24" s="14">
        <f t="shared" si="1"/>
        <v>39</v>
      </c>
      <c r="J24" s="14">
        <f t="shared" si="1"/>
        <v>35</v>
      </c>
      <c r="K24" s="14">
        <f t="shared" si="1"/>
        <v>32</v>
      </c>
      <c r="L24" s="14">
        <f t="shared" si="1"/>
        <v>30</v>
      </c>
      <c r="M24" s="14">
        <f t="shared" si="1"/>
        <v>38</v>
      </c>
      <c r="N24" s="14">
        <f t="shared" si="1"/>
        <v>35</v>
      </c>
      <c r="O24" s="14">
        <f t="shared" si="1"/>
        <v>42</v>
      </c>
      <c r="P24" s="14">
        <f t="shared" si="1"/>
        <v>44</v>
      </c>
      <c r="Q24" s="14">
        <f t="shared" si="1"/>
        <v>49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1</v>
      </c>
      <c r="H25" s="14">
        <f t="shared" si="1"/>
        <v>3</v>
      </c>
      <c r="I25" s="14">
        <f t="shared" si="1"/>
        <v>3</v>
      </c>
      <c r="J25" s="14">
        <f t="shared" si="1"/>
        <v>7</v>
      </c>
      <c r="K25" s="14">
        <f t="shared" si="1"/>
        <v>7</v>
      </c>
      <c r="L25" s="14">
        <f t="shared" si="1"/>
        <v>5</v>
      </c>
      <c r="M25" s="14">
        <f t="shared" si="1"/>
        <v>4</v>
      </c>
      <c r="N25" s="14">
        <f t="shared" si="1"/>
        <v>4</v>
      </c>
      <c r="O25" s="14">
        <f t="shared" si="1"/>
        <v>1</v>
      </c>
      <c r="P25" s="14">
        <f t="shared" si="1"/>
        <v>2</v>
      </c>
      <c r="Q25" s="14">
        <f t="shared" si="1"/>
        <v>2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7506</v>
      </c>
      <c r="H26" s="17">
        <f>SUM(H5:H25)</f>
        <v>7465</v>
      </c>
      <c r="I26" s="17">
        <f t="shared" ref="I26:N26" si="2">SUM(I5:I25)</f>
        <v>7388</v>
      </c>
      <c r="J26" s="17">
        <f t="shared" si="2"/>
        <v>7354</v>
      </c>
      <c r="K26" s="17">
        <f t="shared" si="2"/>
        <v>7334</v>
      </c>
      <c r="L26" s="17">
        <f t="shared" si="2"/>
        <v>7275</v>
      </c>
      <c r="M26" s="17">
        <f t="shared" si="2"/>
        <v>7175</v>
      </c>
      <c r="N26" s="17">
        <f t="shared" si="2"/>
        <v>7073</v>
      </c>
      <c r="O26" s="17">
        <f>SUM(O5:O25)</f>
        <v>6949</v>
      </c>
      <c r="P26" s="17">
        <f>SUM(P5:P25)</f>
        <v>6887</v>
      </c>
      <c r="Q26" s="17">
        <f>SUM(Q5:Q25)</f>
        <v>6732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105</v>
      </c>
      <c r="H31" s="21">
        <f t="shared" si="3"/>
        <v>1044</v>
      </c>
      <c r="I31" s="21">
        <f t="shared" si="3"/>
        <v>892</v>
      </c>
      <c r="J31" s="21">
        <f t="shared" si="3"/>
        <v>869</v>
      </c>
      <c r="K31" s="21">
        <f t="shared" si="3"/>
        <v>838</v>
      </c>
      <c r="L31" s="21">
        <f t="shared" si="3"/>
        <v>801</v>
      </c>
      <c r="M31" s="21">
        <f t="shared" si="3"/>
        <v>764</v>
      </c>
      <c r="N31" s="21">
        <f t="shared" si="3"/>
        <v>725</v>
      </c>
      <c r="O31" s="21">
        <f t="shared" si="3"/>
        <v>683</v>
      </c>
      <c r="P31" s="21">
        <f t="shared" si="3"/>
        <v>661</v>
      </c>
      <c r="Q31" s="21">
        <f t="shared" si="3"/>
        <v>618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4760</v>
      </c>
      <c r="H32" s="22">
        <f t="shared" si="4"/>
        <v>4593</v>
      </c>
      <c r="I32" s="22">
        <f t="shared" si="4"/>
        <v>4381</v>
      </c>
      <c r="J32" s="22">
        <f t="shared" si="4"/>
        <v>4334</v>
      </c>
      <c r="K32" s="22">
        <f t="shared" si="4"/>
        <v>4307</v>
      </c>
      <c r="L32" s="22">
        <f t="shared" si="4"/>
        <v>4261</v>
      </c>
      <c r="M32" s="22">
        <f t="shared" si="4"/>
        <v>4182</v>
      </c>
      <c r="N32" s="22">
        <f t="shared" si="4"/>
        <v>4103</v>
      </c>
      <c r="O32" s="22">
        <f t="shared" si="4"/>
        <v>4006</v>
      </c>
      <c r="P32" s="22">
        <f t="shared" si="4"/>
        <v>3968</v>
      </c>
      <c r="Q32" s="22">
        <f t="shared" si="4"/>
        <v>3855</v>
      </c>
    </row>
    <row r="33" spans="1:20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1641</v>
      </c>
      <c r="H33" s="23">
        <f t="shared" si="5"/>
        <v>1828</v>
      </c>
      <c r="I33" s="23">
        <f t="shared" si="5"/>
        <v>2115</v>
      </c>
      <c r="J33" s="23">
        <f t="shared" si="5"/>
        <v>2151</v>
      </c>
      <c r="K33" s="23">
        <f t="shared" si="5"/>
        <v>2189</v>
      </c>
      <c r="L33" s="23">
        <f t="shared" si="5"/>
        <v>2213</v>
      </c>
      <c r="M33" s="23">
        <f t="shared" si="5"/>
        <v>2229</v>
      </c>
      <c r="N33" s="23">
        <f t="shared" si="5"/>
        <v>2245</v>
      </c>
      <c r="O33" s="23">
        <f t="shared" si="5"/>
        <v>2260</v>
      </c>
      <c r="P33" s="23">
        <f t="shared" si="5"/>
        <v>2258</v>
      </c>
      <c r="Q33" s="23">
        <f t="shared" si="5"/>
        <v>2259</v>
      </c>
    </row>
    <row r="34" spans="1:20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7506</v>
      </c>
      <c r="H34" s="24">
        <f>SUM(H31:H33)</f>
        <v>7465</v>
      </c>
      <c r="I34" s="24">
        <f t="shared" ref="I34:N34" si="6">SUM(I31:I33)</f>
        <v>7388</v>
      </c>
      <c r="J34" s="24">
        <f t="shared" si="6"/>
        <v>7354</v>
      </c>
      <c r="K34" s="24">
        <f t="shared" si="6"/>
        <v>7334</v>
      </c>
      <c r="L34" s="24">
        <f t="shared" si="6"/>
        <v>7275</v>
      </c>
      <c r="M34" s="24">
        <f t="shared" si="6"/>
        <v>7175</v>
      </c>
      <c r="N34" s="24">
        <f t="shared" si="6"/>
        <v>7073</v>
      </c>
      <c r="O34" s="24">
        <f>SUM(O31:O33)</f>
        <v>6949</v>
      </c>
      <c r="P34" s="24">
        <f>SUM(P31:P33)</f>
        <v>6887</v>
      </c>
      <c r="Q34" s="24">
        <f>SUM(Q31:Q33)</f>
        <v>6732</v>
      </c>
    </row>
    <row r="35" spans="1:20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0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0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0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0" ht="23.25" customHeight="1" x14ac:dyDescent="0.2">
      <c r="A39" s="6" t="s">
        <v>33</v>
      </c>
      <c r="B39" s="71" t="s">
        <v>7</v>
      </c>
      <c r="C39" s="71" t="s">
        <v>7</v>
      </c>
      <c r="D39" s="71" t="s">
        <v>7</v>
      </c>
      <c r="E39" s="71" t="s">
        <v>7</v>
      </c>
      <c r="F39" s="71" t="s">
        <v>7</v>
      </c>
      <c r="G39" s="77">
        <f t="shared" ref="G39:Q39" si="7">ROUND(G31/G34*100,1)</f>
        <v>14.7</v>
      </c>
      <c r="H39" s="77">
        <f t="shared" si="7"/>
        <v>14</v>
      </c>
      <c r="I39" s="77">
        <f t="shared" si="7"/>
        <v>12.1</v>
      </c>
      <c r="J39" s="77">
        <f t="shared" si="7"/>
        <v>11.8</v>
      </c>
      <c r="K39" s="77">
        <f t="shared" si="7"/>
        <v>11.4</v>
      </c>
      <c r="L39" s="77">
        <f t="shared" si="7"/>
        <v>11</v>
      </c>
      <c r="M39" s="77">
        <f t="shared" si="7"/>
        <v>10.6</v>
      </c>
      <c r="N39" s="77">
        <f t="shared" si="7"/>
        <v>10.3</v>
      </c>
      <c r="O39" s="77">
        <f t="shared" si="7"/>
        <v>9.8000000000000007</v>
      </c>
      <c r="P39" s="77">
        <f t="shared" si="7"/>
        <v>9.6</v>
      </c>
      <c r="Q39" s="77">
        <f t="shared" si="7"/>
        <v>9.1999999999999993</v>
      </c>
    </row>
    <row r="40" spans="1:20" ht="23.25" customHeight="1" x14ac:dyDescent="0.2">
      <c r="A40" s="9" t="s">
        <v>34</v>
      </c>
      <c r="B40" s="73" t="s">
        <v>7</v>
      </c>
      <c r="C40" s="73" t="s">
        <v>7</v>
      </c>
      <c r="D40" s="73" t="s">
        <v>7</v>
      </c>
      <c r="E40" s="73" t="s">
        <v>7</v>
      </c>
      <c r="F40" s="73" t="s">
        <v>7</v>
      </c>
      <c r="G40" s="78">
        <f t="shared" ref="G40:Q40" si="8">ROUND(G32/G34*100,1)</f>
        <v>63.4</v>
      </c>
      <c r="H40" s="78">
        <f t="shared" si="8"/>
        <v>61.5</v>
      </c>
      <c r="I40" s="78">
        <f t="shared" si="8"/>
        <v>59.3</v>
      </c>
      <c r="J40" s="78">
        <f t="shared" si="8"/>
        <v>58.9</v>
      </c>
      <c r="K40" s="78">
        <f t="shared" si="8"/>
        <v>58.7</v>
      </c>
      <c r="L40" s="78">
        <f t="shared" si="8"/>
        <v>58.6</v>
      </c>
      <c r="M40" s="78">
        <f t="shared" si="8"/>
        <v>58.3</v>
      </c>
      <c r="N40" s="78">
        <f t="shared" si="8"/>
        <v>58</v>
      </c>
      <c r="O40" s="78">
        <f t="shared" si="8"/>
        <v>57.6</v>
      </c>
      <c r="P40" s="78">
        <f t="shared" si="8"/>
        <v>57.6</v>
      </c>
      <c r="Q40" s="78">
        <f t="shared" si="8"/>
        <v>57.3</v>
      </c>
    </row>
    <row r="41" spans="1:20" ht="23.25" customHeight="1" x14ac:dyDescent="0.2">
      <c r="A41" s="12" t="s">
        <v>35</v>
      </c>
      <c r="B41" s="75" t="s">
        <v>7</v>
      </c>
      <c r="C41" s="75" t="s">
        <v>7</v>
      </c>
      <c r="D41" s="75" t="s">
        <v>7</v>
      </c>
      <c r="E41" s="75" t="s">
        <v>7</v>
      </c>
      <c r="F41" s="75" t="s">
        <v>7</v>
      </c>
      <c r="G41" s="79">
        <f t="shared" ref="G41:Q41" si="9">ROUND(G33/G34*100,1)</f>
        <v>21.9</v>
      </c>
      <c r="H41" s="79">
        <f t="shared" si="9"/>
        <v>24.5</v>
      </c>
      <c r="I41" s="79">
        <f t="shared" si="9"/>
        <v>28.6</v>
      </c>
      <c r="J41" s="79">
        <f t="shared" si="9"/>
        <v>29.2</v>
      </c>
      <c r="K41" s="79">
        <f t="shared" si="9"/>
        <v>29.8</v>
      </c>
      <c r="L41" s="79">
        <f t="shared" si="9"/>
        <v>30.4</v>
      </c>
      <c r="M41" s="79">
        <f t="shared" si="9"/>
        <v>31.1</v>
      </c>
      <c r="N41" s="79">
        <f t="shared" si="9"/>
        <v>31.7</v>
      </c>
      <c r="O41" s="79">
        <f t="shared" si="9"/>
        <v>32.5</v>
      </c>
      <c r="P41" s="79">
        <f t="shared" si="9"/>
        <v>32.799999999999997</v>
      </c>
      <c r="Q41" s="79">
        <f t="shared" si="9"/>
        <v>33.6</v>
      </c>
    </row>
    <row r="42" spans="1:20" ht="23.25" customHeight="1" x14ac:dyDescent="0.2">
      <c r="A42" s="5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0" ht="23.25" customHeight="1" x14ac:dyDescent="0.2">
      <c r="A43" s="5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0" ht="23.25" customHeight="1" x14ac:dyDescent="0.2">
      <c r="A44" s="5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0" ht="23.25" customHeight="1" x14ac:dyDescent="0.2">
      <c r="A45" s="5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0" ht="23.25" customHeight="1" x14ac:dyDescent="0.2">
      <c r="A46" s="59"/>
      <c r="B46" s="4"/>
      <c r="C46" s="4"/>
      <c r="D46" s="4"/>
      <c r="E46" s="4"/>
      <c r="F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</row>
    <row r="47" spans="1:20" ht="23.25" customHeight="1" thickBot="1" x14ac:dyDescent="0.25">
      <c r="A47" s="4"/>
      <c r="B47" s="4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</row>
    <row r="48" spans="1:20" ht="23.25" customHeight="1" thickTop="1" x14ac:dyDescent="0.2">
      <c r="A48" s="4"/>
      <c r="B48" s="4"/>
      <c r="C48" s="60" t="s">
        <v>39</v>
      </c>
      <c r="D48" s="61"/>
      <c r="E48" s="61"/>
      <c r="F48" s="62"/>
      <c r="J48" s="60" t="s">
        <v>40</v>
      </c>
      <c r="K48" s="61"/>
      <c r="L48" s="61"/>
      <c r="M48" s="61"/>
      <c r="N48" s="61"/>
      <c r="O48" s="62"/>
      <c r="P48" s="4"/>
      <c r="Q48" s="4"/>
      <c r="R48" s="4"/>
      <c r="S48" s="4"/>
      <c r="T48" s="4"/>
    </row>
    <row r="49" spans="1:20" ht="23.25" customHeight="1" thickBot="1" x14ac:dyDescent="0.25">
      <c r="A49" s="4"/>
      <c r="B49" s="4"/>
      <c r="C49" s="63"/>
      <c r="D49" s="64"/>
      <c r="E49" s="64"/>
      <c r="F49" s="65"/>
      <c r="J49" s="63"/>
      <c r="K49" s="64"/>
      <c r="L49" s="64"/>
      <c r="M49" s="64"/>
      <c r="N49" s="64"/>
      <c r="O49" s="65"/>
      <c r="P49" s="4"/>
      <c r="Q49" s="4"/>
      <c r="R49" s="4"/>
      <c r="S49" s="4"/>
      <c r="T49" s="4"/>
    </row>
    <row r="50" spans="1:20" ht="23.25" customHeight="1" thickTop="1" x14ac:dyDescent="0.25">
      <c r="A50" s="4"/>
      <c r="B50" s="4"/>
      <c r="C50" s="66"/>
      <c r="D50" s="66"/>
      <c r="E50" s="66"/>
      <c r="F50" s="4"/>
      <c r="L50" s="67"/>
      <c r="M50" s="67"/>
      <c r="N50" s="67"/>
      <c r="O50" s="4"/>
      <c r="P50" s="4"/>
      <c r="Q50" s="4"/>
      <c r="R50" s="4"/>
      <c r="S50" s="68"/>
      <c r="T50" s="4"/>
    </row>
    <row r="51" spans="1:20" ht="23.25" customHeight="1" x14ac:dyDescent="0.25">
      <c r="A51" s="4"/>
      <c r="B51" s="68"/>
      <c r="C51" s="68"/>
      <c r="D51" s="68"/>
      <c r="E51" s="68"/>
      <c r="F51" s="67"/>
      <c r="G51" s="67"/>
      <c r="H51" s="67"/>
      <c r="I51" s="67"/>
      <c r="J51" s="67"/>
      <c r="K51" s="67"/>
      <c r="L51" s="67"/>
      <c r="M51" s="67"/>
      <c r="N51" s="67"/>
      <c r="O51" s="4"/>
      <c r="P51" s="4"/>
      <c r="Q51" s="4"/>
      <c r="R51" s="4"/>
      <c r="S51" s="68"/>
      <c r="T51" s="4"/>
    </row>
    <row r="52" spans="1:20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0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0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69"/>
      <c r="O54" s="4"/>
      <c r="P54" s="4"/>
      <c r="Q54" s="4"/>
      <c r="R54" s="4"/>
      <c r="S54" s="4"/>
      <c r="T54" s="4"/>
    </row>
    <row r="55" spans="1:20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0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0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0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0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0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0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0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0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0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6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184</v>
      </c>
      <c r="H84" s="8">
        <v>146</v>
      </c>
      <c r="I84" s="8">
        <v>130</v>
      </c>
      <c r="J84" s="8">
        <v>128</v>
      </c>
      <c r="K84" s="8">
        <v>127</v>
      </c>
      <c r="L84" s="8">
        <v>105</v>
      </c>
      <c r="M84" s="8">
        <v>100</v>
      </c>
      <c r="N84" s="21">
        <v>89</v>
      </c>
      <c r="O84" s="21">
        <v>82</v>
      </c>
      <c r="P84" s="21">
        <v>73</v>
      </c>
      <c r="Q84" s="21">
        <v>66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219</v>
      </c>
      <c r="H85" s="8">
        <v>183</v>
      </c>
      <c r="I85" s="8">
        <v>142</v>
      </c>
      <c r="J85" s="8">
        <v>126</v>
      </c>
      <c r="K85" s="8">
        <v>122</v>
      </c>
      <c r="L85" s="8">
        <v>127</v>
      </c>
      <c r="M85" s="8">
        <v>122</v>
      </c>
      <c r="N85" s="21">
        <v>126</v>
      </c>
      <c r="O85" s="21">
        <v>120</v>
      </c>
      <c r="P85" s="21">
        <v>122</v>
      </c>
      <c r="Q85" s="21">
        <v>97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188</v>
      </c>
      <c r="H86" s="8">
        <v>229</v>
      </c>
      <c r="I86" s="8">
        <v>202</v>
      </c>
      <c r="J86" s="8">
        <v>206</v>
      </c>
      <c r="K86" s="8">
        <v>185</v>
      </c>
      <c r="L86" s="8">
        <v>179</v>
      </c>
      <c r="M86" s="8">
        <v>159</v>
      </c>
      <c r="N86" s="21">
        <v>142</v>
      </c>
      <c r="O86" s="21">
        <v>125</v>
      </c>
      <c r="P86" s="21">
        <v>123</v>
      </c>
      <c r="Q86" s="21">
        <v>129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213</v>
      </c>
      <c r="H87" s="11">
        <v>189</v>
      </c>
      <c r="I87" s="11">
        <v>223</v>
      </c>
      <c r="J87" s="11">
        <v>210</v>
      </c>
      <c r="K87" s="11">
        <v>219</v>
      </c>
      <c r="L87" s="11">
        <v>209</v>
      </c>
      <c r="M87" s="11">
        <v>197</v>
      </c>
      <c r="N87" s="22">
        <v>191</v>
      </c>
      <c r="O87" s="22">
        <v>193</v>
      </c>
      <c r="P87" s="22">
        <v>170</v>
      </c>
      <c r="Q87" s="22">
        <v>160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202</v>
      </c>
      <c r="H88" s="11">
        <v>196</v>
      </c>
      <c r="I88" s="11">
        <v>164</v>
      </c>
      <c r="J88" s="11">
        <v>192</v>
      </c>
      <c r="K88" s="11">
        <v>197</v>
      </c>
      <c r="L88" s="11">
        <v>210</v>
      </c>
      <c r="M88" s="11">
        <v>224</v>
      </c>
      <c r="N88" s="22">
        <v>223</v>
      </c>
      <c r="O88" s="22">
        <v>199</v>
      </c>
      <c r="P88" s="22">
        <v>216</v>
      </c>
      <c r="Q88" s="22">
        <v>194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247</v>
      </c>
      <c r="H89" s="11">
        <v>203</v>
      </c>
      <c r="I89" s="11">
        <v>179</v>
      </c>
      <c r="J89" s="11">
        <v>171</v>
      </c>
      <c r="K89" s="11">
        <v>188</v>
      </c>
      <c r="L89" s="11">
        <v>195</v>
      </c>
      <c r="M89" s="11">
        <v>190</v>
      </c>
      <c r="N89" s="22">
        <v>184</v>
      </c>
      <c r="O89" s="22">
        <v>196</v>
      </c>
      <c r="P89" s="22">
        <v>189</v>
      </c>
      <c r="Q89" s="22">
        <v>200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241</v>
      </c>
      <c r="H90" s="11">
        <v>237</v>
      </c>
      <c r="I90" s="11">
        <v>175</v>
      </c>
      <c r="J90" s="11">
        <v>188</v>
      </c>
      <c r="K90" s="11">
        <v>190</v>
      </c>
      <c r="L90" s="11">
        <v>185</v>
      </c>
      <c r="M90" s="11">
        <v>181</v>
      </c>
      <c r="N90" s="22">
        <v>189</v>
      </c>
      <c r="O90" s="22">
        <v>189</v>
      </c>
      <c r="P90" s="22">
        <v>186</v>
      </c>
      <c r="Q90" s="22">
        <v>176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244</v>
      </c>
      <c r="H91" s="11">
        <v>243</v>
      </c>
      <c r="I91" s="11">
        <v>234</v>
      </c>
      <c r="J91" s="11">
        <v>221</v>
      </c>
      <c r="K91" s="11">
        <v>216</v>
      </c>
      <c r="L91" s="11">
        <v>216</v>
      </c>
      <c r="M91" s="11">
        <v>202</v>
      </c>
      <c r="N91" s="22">
        <v>183</v>
      </c>
      <c r="O91" s="22">
        <v>173</v>
      </c>
      <c r="P91" s="22">
        <v>179</v>
      </c>
      <c r="Q91" s="22">
        <v>171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219</v>
      </c>
      <c r="H92" s="11">
        <v>256</v>
      </c>
      <c r="I92" s="11">
        <v>259</v>
      </c>
      <c r="J92" s="11">
        <v>254</v>
      </c>
      <c r="K92" s="11">
        <v>244</v>
      </c>
      <c r="L92" s="11">
        <v>238</v>
      </c>
      <c r="M92" s="11">
        <v>229</v>
      </c>
      <c r="N92" s="22">
        <v>229</v>
      </c>
      <c r="O92" s="22">
        <v>213</v>
      </c>
      <c r="P92" s="22">
        <v>203</v>
      </c>
      <c r="Q92" s="22">
        <v>200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221</v>
      </c>
      <c r="H93" s="11">
        <v>216</v>
      </c>
      <c r="I93" s="11">
        <v>247</v>
      </c>
      <c r="J93" s="11">
        <v>261</v>
      </c>
      <c r="K93" s="11">
        <v>267</v>
      </c>
      <c r="L93" s="11">
        <v>264</v>
      </c>
      <c r="M93" s="11">
        <v>275</v>
      </c>
      <c r="N93" s="22">
        <v>252</v>
      </c>
      <c r="O93" s="22">
        <v>246</v>
      </c>
      <c r="P93" s="22">
        <v>232</v>
      </c>
      <c r="Q93" s="22">
        <v>216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289</v>
      </c>
      <c r="H94" s="11">
        <v>219</v>
      </c>
      <c r="I94" s="11">
        <v>222</v>
      </c>
      <c r="J94" s="11">
        <v>206</v>
      </c>
      <c r="K94" s="11">
        <v>219</v>
      </c>
      <c r="L94" s="11">
        <v>232</v>
      </c>
      <c r="M94" s="11">
        <v>225</v>
      </c>
      <c r="N94" s="22">
        <v>244</v>
      </c>
      <c r="O94" s="22">
        <v>266</v>
      </c>
      <c r="P94" s="22">
        <v>265</v>
      </c>
      <c r="Q94" s="22">
        <v>267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319</v>
      </c>
      <c r="H95" s="11">
        <v>282</v>
      </c>
      <c r="I95" s="11">
        <v>232</v>
      </c>
      <c r="J95" s="11">
        <v>223</v>
      </c>
      <c r="K95" s="11">
        <v>225</v>
      </c>
      <c r="L95" s="11">
        <v>223</v>
      </c>
      <c r="M95" s="11">
        <v>231</v>
      </c>
      <c r="N95" s="22">
        <v>228</v>
      </c>
      <c r="O95" s="22">
        <v>213</v>
      </c>
      <c r="P95" s="22">
        <v>220</v>
      </c>
      <c r="Q95" s="22">
        <v>230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249</v>
      </c>
      <c r="H96" s="11">
        <v>317</v>
      </c>
      <c r="I96" s="11">
        <v>282</v>
      </c>
      <c r="J96" s="11">
        <v>281</v>
      </c>
      <c r="K96" s="11">
        <v>256</v>
      </c>
      <c r="L96" s="11">
        <v>237</v>
      </c>
      <c r="M96" s="11">
        <v>230</v>
      </c>
      <c r="N96" s="22">
        <v>230</v>
      </c>
      <c r="O96" s="22">
        <v>219</v>
      </c>
      <c r="P96" s="22">
        <v>228</v>
      </c>
      <c r="Q96" s="22">
        <v>227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201</v>
      </c>
      <c r="H97" s="14">
        <v>247</v>
      </c>
      <c r="I97" s="14">
        <v>318</v>
      </c>
      <c r="J97" s="14">
        <v>335</v>
      </c>
      <c r="K97" s="14">
        <v>343</v>
      </c>
      <c r="L97" s="14">
        <v>315</v>
      </c>
      <c r="M97" s="14">
        <v>293</v>
      </c>
      <c r="N97" s="23">
        <v>269</v>
      </c>
      <c r="O97" s="23">
        <v>269</v>
      </c>
      <c r="P97" s="23">
        <v>247</v>
      </c>
      <c r="Q97" s="23">
        <v>235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175</v>
      </c>
      <c r="H98" s="14">
        <v>195</v>
      </c>
      <c r="I98" s="14">
        <v>231</v>
      </c>
      <c r="J98" s="14">
        <v>210</v>
      </c>
      <c r="K98" s="14">
        <v>213</v>
      </c>
      <c r="L98" s="14">
        <v>259</v>
      </c>
      <c r="M98" s="14">
        <v>273</v>
      </c>
      <c r="N98" s="23">
        <v>304</v>
      </c>
      <c r="O98" s="23">
        <v>319</v>
      </c>
      <c r="P98" s="23">
        <v>321</v>
      </c>
      <c r="Q98" s="23">
        <v>289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163</v>
      </c>
      <c r="H99" s="14">
        <v>149</v>
      </c>
      <c r="I99" s="14">
        <v>161</v>
      </c>
      <c r="J99" s="14">
        <v>168</v>
      </c>
      <c r="K99" s="14">
        <v>183</v>
      </c>
      <c r="L99" s="14">
        <v>182</v>
      </c>
      <c r="M99" s="14">
        <v>201</v>
      </c>
      <c r="N99" s="23">
        <v>211</v>
      </c>
      <c r="O99" s="23">
        <v>191</v>
      </c>
      <c r="P99" s="23">
        <v>195</v>
      </c>
      <c r="Q99" s="23">
        <v>241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87</v>
      </c>
      <c r="H100" s="14">
        <v>130</v>
      </c>
      <c r="I100" s="14">
        <v>114</v>
      </c>
      <c r="J100" s="14">
        <v>129</v>
      </c>
      <c r="K100" s="14">
        <v>139</v>
      </c>
      <c r="L100" s="14">
        <v>140</v>
      </c>
      <c r="M100" s="14">
        <v>129</v>
      </c>
      <c r="N100" s="23">
        <v>124</v>
      </c>
      <c r="O100" s="23">
        <v>130</v>
      </c>
      <c r="P100" s="23">
        <v>140</v>
      </c>
      <c r="Q100" s="23">
        <v>143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45</v>
      </c>
      <c r="H101" s="14">
        <v>49</v>
      </c>
      <c r="I101" s="14">
        <v>80</v>
      </c>
      <c r="J101" s="14">
        <v>82</v>
      </c>
      <c r="K101" s="14">
        <v>80</v>
      </c>
      <c r="L101" s="14">
        <v>85</v>
      </c>
      <c r="M101" s="14">
        <v>81</v>
      </c>
      <c r="N101" s="23">
        <v>77</v>
      </c>
      <c r="O101" s="23">
        <v>95</v>
      </c>
      <c r="P101" s="23">
        <v>92</v>
      </c>
      <c r="Q101" s="23">
        <v>88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17</v>
      </c>
      <c r="H102" s="14">
        <v>21</v>
      </c>
      <c r="I102" s="14">
        <v>27</v>
      </c>
      <c r="J102" s="14">
        <v>27</v>
      </c>
      <c r="K102" s="14">
        <v>31</v>
      </c>
      <c r="L102" s="14">
        <v>30</v>
      </c>
      <c r="M102" s="14">
        <v>41</v>
      </c>
      <c r="N102" s="23">
        <v>41</v>
      </c>
      <c r="O102" s="23">
        <v>39</v>
      </c>
      <c r="P102" s="23">
        <v>35</v>
      </c>
      <c r="Q102" s="23">
        <v>39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3</v>
      </c>
      <c r="H103" s="14">
        <v>2</v>
      </c>
      <c r="I103" s="14">
        <v>6</v>
      </c>
      <c r="J103" s="14">
        <v>5</v>
      </c>
      <c r="K103" s="14">
        <v>3</v>
      </c>
      <c r="L103" s="14">
        <v>3</v>
      </c>
      <c r="M103" s="14">
        <v>6</v>
      </c>
      <c r="N103" s="23">
        <v>7</v>
      </c>
      <c r="O103" s="23">
        <v>7</v>
      </c>
      <c r="P103" s="23">
        <v>9</v>
      </c>
      <c r="Q103" s="23">
        <v>9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1</v>
      </c>
      <c r="K104" s="14">
        <v>1</v>
      </c>
      <c r="L104" s="14">
        <v>1</v>
      </c>
      <c r="M104" s="14">
        <v>0</v>
      </c>
      <c r="N104" s="23">
        <v>0</v>
      </c>
      <c r="O104" s="23">
        <v>0</v>
      </c>
      <c r="P104" s="23">
        <v>1</v>
      </c>
      <c r="Q104" s="23">
        <v>1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3726</v>
      </c>
      <c r="H105" s="17">
        <f t="shared" ref="H105:N105" si="10">SUM(H84:H104)</f>
        <v>3709</v>
      </c>
      <c r="I105" s="17">
        <f t="shared" si="10"/>
        <v>3628</v>
      </c>
      <c r="J105" s="17">
        <f t="shared" si="10"/>
        <v>3624</v>
      </c>
      <c r="K105" s="17">
        <f t="shared" si="10"/>
        <v>3648</v>
      </c>
      <c r="L105" s="17">
        <f t="shared" si="10"/>
        <v>3635</v>
      </c>
      <c r="M105" s="17">
        <f t="shared" si="10"/>
        <v>3589</v>
      </c>
      <c r="N105" s="17">
        <f t="shared" si="10"/>
        <v>3543</v>
      </c>
      <c r="O105" s="17">
        <f>SUM(O84:O104)</f>
        <v>3484</v>
      </c>
      <c r="P105" s="17">
        <f>SUM(P84:P104)</f>
        <v>3446</v>
      </c>
      <c r="Q105" s="17">
        <f>SUM(Q84:Q104)</f>
        <v>3378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591</v>
      </c>
      <c r="H110" s="8">
        <f t="shared" si="11"/>
        <v>558</v>
      </c>
      <c r="I110" s="8">
        <f t="shared" si="11"/>
        <v>474</v>
      </c>
      <c r="J110" s="8">
        <f t="shared" si="11"/>
        <v>460</v>
      </c>
      <c r="K110" s="8">
        <f t="shared" si="11"/>
        <v>434</v>
      </c>
      <c r="L110" s="8">
        <f t="shared" si="11"/>
        <v>411</v>
      </c>
      <c r="M110" s="8">
        <f t="shared" si="11"/>
        <v>381</v>
      </c>
      <c r="N110" s="8">
        <f t="shared" si="11"/>
        <v>357</v>
      </c>
      <c r="O110" s="8">
        <f t="shared" si="11"/>
        <v>327</v>
      </c>
      <c r="P110" s="8">
        <f t="shared" si="11"/>
        <v>318</v>
      </c>
      <c r="Q110" s="8">
        <v>292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2444</v>
      </c>
      <c r="H111" s="11">
        <f t="shared" si="12"/>
        <v>2358</v>
      </c>
      <c r="I111" s="11">
        <f t="shared" si="12"/>
        <v>2217</v>
      </c>
      <c r="J111" s="11">
        <f t="shared" si="12"/>
        <v>2207</v>
      </c>
      <c r="K111" s="11">
        <f t="shared" si="12"/>
        <v>2221</v>
      </c>
      <c r="L111" s="11">
        <f t="shared" si="12"/>
        <v>2209</v>
      </c>
      <c r="M111" s="11">
        <f t="shared" si="12"/>
        <v>2184</v>
      </c>
      <c r="N111" s="11">
        <f t="shared" si="12"/>
        <v>2153</v>
      </c>
      <c r="O111" s="11">
        <f t="shared" si="12"/>
        <v>2107</v>
      </c>
      <c r="P111" s="11">
        <f t="shared" si="12"/>
        <v>2088</v>
      </c>
      <c r="Q111" s="11">
        <v>2041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691</v>
      </c>
      <c r="H112" s="14">
        <f t="shared" si="13"/>
        <v>793</v>
      </c>
      <c r="I112" s="14">
        <f t="shared" si="13"/>
        <v>937</v>
      </c>
      <c r="J112" s="14">
        <f t="shared" si="13"/>
        <v>957</v>
      </c>
      <c r="K112" s="14">
        <f t="shared" si="13"/>
        <v>993</v>
      </c>
      <c r="L112" s="14">
        <f t="shared" si="13"/>
        <v>1015</v>
      </c>
      <c r="M112" s="14">
        <f t="shared" si="13"/>
        <v>1024</v>
      </c>
      <c r="N112" s="14">
        <f t="shared" si="13"/>
        <v>1033</v>
      </c>
      <c r="O112" s="14">
        <f t="shared" si="13"/>
        <v>1050</v>
      </c>
      <c r="P112" s="14">
        <f t="shared" si="13"/>
        <v>1040</v>
      </c>
      <c r="Q112" s="14">
        <v>1045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3726</v>
      </c>
      <c r="H113" s="17">
        <f t="shared" ref="H113:N113" si="14">SUM(H110:H112)</f>
        <v>3709</v>
      </c>
      <c r="I113" s="17">
        <f t="shared" si="14"/>
        <v>3628</v>
      </c>
      <c r="J113" s="17">
        <f t="shared" si="14"/>
        <v>3624</v>
      </c>
      <c r="K113" s="17">
        <f t="shared" si="14"/>
        <v>3648</v>
      </c>
      <c r="L113" s="17">
        <f t="shared" si="14"/>
        <v>3635</v>
      </c>
      <c r="M113" s="17">
        <f t="shared" si="14"/>
        <v>3589</v>
      </c>
      <c r="N113" s="17">
        <f t="shared" si="14"/>
        <v>3543</v>
      </c>
      <c r="O113" s="17">
        <f>SUM(O110:O112)</f>
        <v>3484</v>
      </c>
      <c r="P113" s="17">
        <f>SUM(P110:P112)</f>
        <v>3446</v>
      </c>
      <c r="Q113" s="17">
        <f>SUM(Q110:Q112)</f>
        <v>3378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71" t="s">
        <v>7</v>
      </c>
      <c r="C118" s="71" t="s">
        <v>7</v>
      </c>
      <c r="D118" s="71" t="s">
        <v>7</v>
      </c>
      <c r="E118" s="71" t="s">
        <v>7</v>
      </c>
      <c r="F118" s="71" t="s">
        <v>7</v>
      </c>
      <c r="G118" s="72">
        <f t="shared" ref="G118:Q118" si="15">ROUND(G110/G113*100,1)</f>
        <v>15.9</v>
      </c>
      <c r="H118" s="72">
        <f t="shared" si="15"/>
        <v>15</v>
      </c>
      <c r="I118" s="72">
        <f t="shared" si="15"/>
        <v>13.1</v>
      </c>
      <c r="J118" s="72">
        <f t="shared" si="15"/>
        <v>12.7</v>
      </c>
      <c r="K118" s="72">
        <f t="shared" si="15"/>
        <v>11.9</v>
      </c>
      <c r="L118" s="72">
        <f t="shared" si="15"/>
        <v>11.3</v>
      </c>
      <c r="M118" s="72">
        <f t="shared" si="15"/>
        <v>10.6</v>
      </c>
      <c r="N118" s="72">
        <f t="shared" si="15"/>
        <v>10.1</v>
      </c>
      <c r="O118" s="72">
        <f t="shared" si="15"/>
        <v>9.4</v>
      </c>
      <c r="P118" s="72">
        <f t="shared" si="15"/>
        <v>9.1999999999999993</v>
      </c>
      <c r="Q118" s="72">
        <f t="shared" si="15"/>
        <v>8.6</v>
      </c>
    </row>
    <row r="119" spans="1:17" ht="21.75" customHeight="1" x14ac:dyDescent="0.2">
      <c r="A119" s="9" t="s">
        <v>34</v>
      </c>
      <c r="B119" s="73" t="s">
        <v>7</v>
      </c>
      <c r="C119" s="73" t="s">
        <v>7</v>
      </c>
      <c r="D119" s="73" t="s">
        <v>7</v>
      </c>
      <c r="E119" s="73" t="s">
        <v>7</v>
      </c>
      <c r="F119" s="73" t="s">
        <v>7</v>
      </c>
      <c r="G119" s="74">
        <f t="shared" ref="G119:Q119" si="16">ROUND(G111/G113*100,1)</f>
        <v>65.599999999999994</v>
      </c>
      <c r="H119" s="74">
        <f t="shared" si="16"/>
        <v>63.6</v>
      </c>
      <c r="I119" s="74">
        <f t="shared" si="16"/>
        <v>61.1</v>
      </c>
      <c r="J119" s="74">
        <f t="shared" si="16"/>
        <v>60.9</v>
      </c>
      <c r="K119" s="74">
        <f t="shared" si="16"/>
        <v>60.9</v>
      </c>
      <c r="L119" s="74">
        <f t="shared" si="16"/>
        <v>60.8</v>
      </c>
      <c r="M119" s="74">
        <f t="shared" si="16"/>
        <v>60.9</v>
      </c>
      <c r="N119" s="74">
        <f t="shared" si="16"/>
        <v>60.8</v>
      </c>
      <c r="O119" s="74">
        <f t="shared" si="16"/>
        <v>60.5</v>
      </c>
      <c r="P119" s="74">
        <f t="shared" si="16"/>
        <v>60.6</v>
      </c>
      <c r="Q119" s="74">
        <f t="shared" si="16"/>
        <v>60.4</v>
      </c>
    </row>
    <row r="120" spans="1:17" ht="21.75" customHeight="1" x14ac:dyDescent="0.2">
      <c r="A120" s="12" t="s">
        <v>35</v>
      </c>
      <c r="B120" s="75" t="s">
        <v>7</v>
      </c>
      <c r="C120" s="75" t="s">
        <v>7</v>
      </c>
      <c r="D120" s="75" t="s">
        <v>7</v>
      </c>
      <c r="E120" s="75" t="s">
        <v>7</v>
      </c>
      <c r="F120" s="75" t="s">
        <v>7</v>
      </c>
      <c r="G120" s="76">
        <f t="shared" ref="G120:Q120" si="17">ROUND(G112/G113*100,1)</f>
        <v>18.5</v>
      </c>
      <c r="H120" s="76">
        <f t="shared" si="17"/>
        <v>21.4</v>
      </c>
      <c r="I120" s="76">
        <f t="shared" si="17"/>
        <v>25.8</v>
      </c>
      <c r="J120" s="76">
        <f t="shared" si="17"/>
        <v>26.4</v>
      </c>
      <c r="K120" s="76">
        <f t="shared" si="17"/>
        <v>27.2</v>
      </c>
      <c r="L120" s="76">
        <f t="shared" si="17"/>
        <v>27.9</v>
      </c>
      <c r="M120" s="76">
        <f t="shared" si="17"/>
        <v>28.5</v>
      </c>
      <c r="N120" s="76">
        <f t="shared" si="17"/>
        <v>29.2</v>
      </c>
      <c r="O120" s="76">
        <f t="shared" si="17"/>
        <v>30.1</v>
      </c>
      <c r="P120" s="76">
        <f t="shared" si="17"/>
        <v>30.2</v>
      </c>
      <c r="Q120" s="76">
        <f t="shared" si="17"/>
        <v>30.9</v>
      </c>
    </row>
    <row r="121" spans="1:17" ht="21.75" customHeight="1" x14ac:dyDescent="0.35">
      <c r="A121" s="5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5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5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5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5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5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7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53</v>
      </c>
      <c r="H130" s="8">
        <v>133</v>
      </c>
      <c r="I130" s="8">
        <v>115</v>
      </c>
      <c r="J130" s="8">
        <v>130</v>
      </c>
      <c r="K130" s="8">
        <v>133</v>
      </c>
      <c r="L130" s="8">
        <v>125</v>
      </c>
      <c r="M130" s="8">
        <v>126</v>
      </c>
      <c r="N130" s="21">
        <v>122</v>
      </c>
      <c r="O130" s="21">
        <v>107</v>
      </c>
      <c r="P130" s="21">
        <v>94</v>
      </c>
      <c r="Q130" s="21">
        <v>77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187</v>
      </c>
      <c r="H131" s="8">
        <v>161</v>
      </c>
      <c r="I131" s="8">
        <v>136</v>
      </c>
      <c r="J131" s="8">
        <v>125</v>
      </c>
      <c r="K131" s="8">
        <v>114</v>
      </c>
      <c r="L131" s="8">
        <v>125</v>
      </c>
      <c r="M131" s="8">
        <v>128</v>
      </c>
      <c r="N131" s="21">
        <v>116</v>
      </c>
      <c r="O131" s="21">
        <v>131</v>
      </c>
      <c r="P131" s="21">
        <v>133</v>
      </c>
      <c r="Q131" s="21">
        <v>125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174</v>
      </c>
      <c r="H132" s="8">
        <v>192</v>
      </c>
      <c r="I132" s="8">
        <v>167</v>
      </c>
      <c r="J132" s="8">
        <v>154</v>
      </c>
      <c r="K132" s="8">
        <v>157</v>
      </c>
      <c r="L132" s="8">
        <v>140</v>
      </c>
      <c r="M132" s="8">
        <v>129</v>
      </c>
      <c r="N132" s="21">
        <v>130</v>
      </c>
      <c r="O132" s="21">
        <v>118</v>
      </c>
      <c r="P132" s="21">
        <v>116</v>
      </c>
      <c r="Q132" s="21">
        <v>124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88</v>
      </c>
      <c r="H133" s="11">
        <v>179</v>
      </c>
      <c r="I133" s="11">
        <v>190</v>
      </c>
      <c r="J133" s="11">
        <v>191</v>
      </c>
      <c r="K133" s="11">
        <v>173</v>
      </c>
      <c r="L133" s="11">
        <v>173</v>
      </c>
      <c r="M133" s="11">
        <v>175</v>
      </c>
      <c r="N133" s="22">
        <v>159</v>
      </c>
      <c r="O133" s="22">
        <v>150</v>
      </c>
      <c r="P133" s="22">
        <v>149</v>
      </c>
      <c r="Q133" s="22">
        <v>131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91</v>
      </c>
      <c r="H134" s="11">
        <v>180</v>
      </c>
      <c r="I134" s="11">
        <v>163</v>
      </c>
      <c r="J134" s="11">
        <v>157</v>
      </c>
      <c r="K134" s="11">
        <v>162</v>
      </c>
      <c r="L134" s="11">
        <v>165</v>
      </c>
      <c r="M134" s="11">
        <v>179</v>
      </c>
      <c r="N134" s="22">
        <v>179</v>
      </c>
      <c r="O134" s="22">
        <v>181</v>
      </c>
      <c r="P134" s="22">
        <v>174</v>
      </c>
      <c r="Q134" s="22">
        <v>172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207</v>
      </c>
      <c r="H135" s="11">
        <v>172</v>
      </c>
      <c r="I135" s="11">
        <v>178</v>
      </c>
      <c r="J135" s="11">
        <v>174</v>
      </c>
      <c r="K135" s="11">
        <v>142</v>
      </c>
      <c r="L135" s="11">
        <v>141</v>
      </c>
      <c r="M135" s="11">
        <v>128</v>
      </c>
      <c r="N135" s="22">
        <v>133</v>
      </c>
      <c r="O135" s="22">
        <v>130</v>
      </c>
      <c r="P135" s="22">
        <v>133</v>
      </c>
      <c r="Q135" s="22">
        <v>122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250</v>
      </c>
      <c r="H136" s="11">
        <v>201</v>
      </c>
      <c r="I136" s="11">
        <v>183</v>
      </c>
      <c r="J136" s="11">
        <v>185</v>
      </c>
      <c r="K136" s="11">
        <v>193</v>
      </c>
      <c r="L136" s="11">
        <v>186</v>
      </c>
      <c r="M136" s="11">
        <v>162</v>
      </c>
      <c r="N136" s="22">
        <v>144</v>
      </c>
      <c r="O136" s="22">
        <v>129</v>
      </c>
      <c r="P136" s="22">
        <v>116</v>
      </c>
      <c r="Q136" s="22">
        <v>122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237</v>
      </c>
      <c r="H137" s="11">
        <v>262</v>
      </c>
      <c r="I137" s="11">
        <v>209</v>
      </c>
      <c r="J137" s="11">
        <v>207</v>
      </c>
      <c r="K137" s="11">
        <v>204</v>
      </c>
      <c r="L137" s="11">
        <v>206</v>
      </c>
      <c r="M137" s="11">
        <v>200</v>
      </c>
      <c r="N137" s="22">
        <v>194</v>
      </c>
      <c r="O137" s="22">
        <v>182</v>
      </c>
      <c r="P137" s="22">
        <v>197</v>
      </c>
      <c r="Q137" s="22">
        <v>163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232</v>
      </c>
      <c r="H138" s="11">
        <v>240</v>
      </c>
      <c r="I138" s="11">
        <v>254</v>
      </c>
      <c r="J138" s="11">
        <v>246</v>
      </c>
      <c r="K138" s="11">
        <v>235</v>
      </c>
      <c r="L138" s="11">
        <v>218</v>
      </c>
      <c r="M138" s="11">
        <v>216</v>
      </c>
      <c r="N138" s="22">
        <v>205</v>
      </c>
      <c r="O138" s="22">
        <v>209</v>
      </c>
      <c r="P138" s="22">
        <v>199</v>
      </c>
      <c r="Q138" s="22">
        <v>197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208</v>
      </c>
      <c r="H139" s="11">
        <v>235</v>
      </c>
      <c r="I139" s="11">
        <v>256</v>
      </c>
      <c r="J139" s="11">
        <v>252</v>
      </c>
      <c r="K139" s="11">
        <v>265</v>
      </c>
      <c r="L139" s="11">
        <v>259</v>
      </c>
      <c r="M139" s="11">
        <v>245</v>
      </c>
      <c r="N139" s="22">
        <v>242</v>
      </c>
      <c r="O139" s="22">
        <v>234</v>
      </c>
      <c r="P139" s="22">
        <v>223</v>
      </c>
      <c r="Q139" s="22">
        <v>211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262</v>
      </c>
      <c r="H140" s="11">
        <v>208</v>
      </c>
      <c r="I140" s="11">
        <v>243</v>
      </c>
      <c r="J140" s="11">
        <v>217</v>
      </c>
      <c r="K140" s="11">
        <v>219</v>
      </c>
      <c r="L140" s="11">
        <v>230</v>
      </c>
      <c r="M140" s="11">
        <v>237</v>
      </c>
      <c r="N140" s="22">
        <v>250</v>
      </c>
      <c r="O140" s="22">
        <v>248</v>
      </c>
      <c r="P140" s="22">
        <v>256</v>
      </c>
      <c r="Q140" s="22">
        <v>246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291</v>
      </c>
      <c r="H141" s="11">
        <v>268</v>
      </c>
      <c r="I141" s="11">
        <v>209</v>
      </c>
      <c r="J141" s="11">
        <v>236</v>
      </c>
      <c r="K141" s="11">
        <v>230</v>
      </c>
      <c r="L141" s="11">
        <v>231</v>
      </c>
      <c r="M141" s="11">
        <v>237</v>
      </c>
      <c r="N141" s="22">
        <v>238</v>
      </c>
      <c r="O141" s="22">
        <v>209</v>
      </c>
      <c r="P141" s="22">
        <v>215</v>
      </c>
      <c r="Q141" s="22">
        <v>227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250</v>
      </c>
      <c r="H142" s="11">
        <v>290</v>
      </c>
      <c r="I142" s="11">
        <v>279</v>
      </c>
      <c r="J142" s="11">
        <v>262</v>
      </c>
      <c r="K142" s="11">
        <v>263</v>
      </c>
      <c r="L142" s="11">
        <v>243</v>
      </c>
      <c r="M142" s="11">
        <v>219</v>
      </c>
      <c r="N142" s="22">
        <v>206</v>
      </c>
      <c r="O142" s="22">
        <v>227</v>
      </c>
      <c r="P142" s="22">
        <v>218</v>
      </c>
      <c r="Q142" s="22">
        <v>223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222</v>
      </c>
      <c r="H143" s="14">
        <v>243</v>
      </c>
      <c r="I143" s="14">
        <v>287</v>
      </c>
      <c r="J143" s="14">
        <v>305</v>
      </c>
      <c r="K143" s="14">
        <v>293</v>
      </c>
      <c r="L143" s="14">
        <v>286</v>
      </c>
      <c r="M143" s="14">
        <v>287</v>
      </c>
      <c r="N143" s="23">
        <v>281</v>
      </c>
      <c r="O143" s="23">
        <v>257</v>
      </c>
      <c r="P143" s="23">
        <v>253</v>
      </c>
      <c r="Q143" s="23">
        <v>233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212</v>
      </c>
      <c r="H144" s="14">
        <v>218</v>
      </c>
      <c r="I144" s="14">
        <v>240</v>
      </c>
      <c r="J144" s="14">
        <v>229</v>
      </c>
      <c r="K144" s="14">
        <v>236</v>
      </c>
      <c r="L144" s="14">
        <v>253</v>
      </c>
      <c r="M144" s="14">
        <v>261</v>
      </c>
      <c r="N144" s="23">
        <v>277</v>
      </c>
      <c r="O144" s="23">
        <v>302</v>
      </c>
      <c r="P144" s="23">
        <v>288</v>
      </c>
      <c r="Q144" s="23">
        <v>278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225</v>
      </c>
      <c r="H145" s="14">
        <v>194</v>
      </c>
      <c r="I145" s="14">
        <v>196</v>
      </c>
      <c r="J145" s="14">
        <v>191</v>
      </c>
      <c r="K145" s="14">
        <v>195</v>
      </c>
      <c r="L145" s="14">
        <v>203</v>
      </c>
      <c r="M145" s="14">
        <v>218</v>
      </c>
      <c r="N145" s="23">
        <v>226</v>
      </c>
      <c r="O145" s="23">
        <v>215</v>
      </c>
      <c r="P145" s="23">
        <v>225</v>
      </c>
      <c r="Q145" s="23">
        <v>243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134</v>
      </c>
      <c r="H146" s="14">
        <v>205</v>
      </c>
      <c r="I146" s="14">
        <v>171</v>
      </c>
      <c r="J146" s="14">
        <v>171</v>
      </c>
      <c r="K146" s="14">
        <v>183</v>
      </c>
      <c r="L146" s="14">
        <v>188</v>
      </c>
      <c r="M146" s="14">
        <v>173</v>
      </c>
      <c r="N146" s="23">
        <v>169</v>
      </c>
      <c r="O146" s="23">
        <v>170</v>
      </c>
      <c r="P146" s="23">
        <v>178</v>
      </c>
      <c r="Q146" s="23">
        <v>195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89</v>
      </c>
      <c r="H147" s="14">
        <v>101</v>
      </c>
      <c r="I147" s="14">
        <v>176</v>
      </c>
      <c r="J147" s="14">
        <v>161</v>
      </c>
      <c r="K147" s="14">
        <v>157</v>
      </c>
      <c r="L147" s="14">
        <v>139</v>
      </c>
      <c r="M147" s="14">
        <v>136</v>
      </c>
      <c r="N147" s="23">
        <v>132</v>
      </c>
      <c r="O147" s="23">
        <v>131</v>
      </c>
      <c r="P147" s="23">
        <v>146</v>
      </c>
      <c r="Q147" s="23">
        <v>149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48</v>
      </c>
      <c r="H148" s="14">
        <v>58</v>
      </c>
      <c r="I148" s="14">
        <v>72</v>
      </c>
      <c r="J148" s="14">
        <v>101</v>
      </c>
      <c r="K148" s="14">
        <v>97</v>
      </c>
      <c r="L148" s="14">
        <v>98</v>
      </c>
      <c r="M148" s="14">
        <v>94</v>
      </c>
      <c r="N148" s="23">
        <v>95</v>
      </c>
      <c r="O148" s="23">
        <v>99</v>
      </c>
      <c r="P148" s="23">
        <v>92</v>
      </c>
      <c r="Q148" s="23">
        <v>75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9</v>
      </c>
      <c r="H149" s="14">
        <v>13</v>
      </c>
      <c r="I149" s="14">
        <v>33</v>
      </c>
      <c r="J149" s="14">
        <v>30</v>
      </c>
      <c r="K149" s="14">
        <v>29</v>
      </c>
      <c r="L149" s="14">
        <v>27</v>
      </c>
      <c r="M149" s="14">
        <v>32</v>
      </c>
      <c r="N149" s="23">
        <v>28</v>
      </c>
      <c r="O149" s="23">
        <v>35</v>
      </c>
      <c r="P149" s="23">
        <v>35</v>
      </c>
      <c r="Q149" s="23">
        <v>40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1</v>
      </c>
      <c r="H150" s="14">
        <v>3</v>
      </c>
      <c r="I150" s="14">
        <v>3</v>
      </c>
      <c r="J150" s="14">
        <v>6</v>
      </c>
      <c r="K150" s="14">
        <v>6</v>
      </c>
      <c r="L150" s="14">
        <v>4</v>
      </c>
      <c r="M150" s="14">
        <v>4</v>
      </c>
      <c r="N150" s="23">
        <v>4</v>
      </c>
      <c r="O150" s="23">
        <v>1</v>
      </c>
      <c r="P150" s="23">
        <v>1</v>
      </c>
      <c r="Q150" s="23">
        <v>1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3780</v>
      </c>
      <c r="H151" s="17">
        <f t="shared" ref="H151:N151" si="18">SUM(H130:H150)</f>
        <v>3756</v>
      </c>
      <c r="I151" s="17">
        <f t="shared" si="18"/>
        <v>3760</v>
      </c>
      <c r="J151" s="17">
        <f t="shared" si="18"/>
        <v>3730</v>
      </c>
      <c r="K151" s="17">
        <f t="shared" si="18"/>
        <v>3686</v>
      </c>
      <c r="L151" s="17">
        <f t="shared" si="18"/>
        <v>3640</v>
      </c>
      <c r="M151" s="17">
        <f t="shared" si="18"/>
        <v>3586</v>
      </c>
      <c r="N151" s="17">
        <f t="shared" si="18"/>
        <v>3530</v>
      </c>
      <c r="O151" s="17">
        <f>SUM(O130:O150)</f>
        <v>3465</v>
      </c>
      <c r="P151" s="17">
        <f>SUM(P130:P150)</f>
        <v>3441</v>
      </c>
      <c r="Q151" s="17">
        <f>SUM(Q130:Q150)</f>
        <v>3354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514</v>
      </c>
      <c r="H156" s="8">
        <f t="shared" si="19"/>
        <v>486</v>
      </c>
      <c r="I156" s="8">
        <f t="shared" si="19"/>
        <v>418</v>
      </c>
      <c r="J156" s="8">
        <f t="shared" si="19"/>
        <v>409</v>
      </c>
      <c r="K156" s="8">
        <f t="shared" si="19"/>
        <v>404</v>
      </c>
      <c r="L156" s="8">
        <f t="shared" si="19"/>
        <v>390</v>
      </c>
      <c r="M156" s="8">
        <f t="shared" si="19"/>
        <v>383</v>
      </c>
      <c r="N156" s="8">
        <f t="shared" si="19"/>
        <v>368</v>
      </c>
      <c r="O156" s="8">
        <f t="shared" si="19"/>
        <v>356</v>
      </c>
      <c r="P156" s="8">
        <f t="shared" si="19"/>
        <v>343</v>
      </c>
      <c r="Q156" s="8">
        <v>326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2316</v>
      </c>
      <c r="H157" s="11">
        <f t="shared" si="20"/>
        <v>2235</v>
      </c>
      <c r="I157" s="11">
        <f t="shared" si="20"/>
        <v>2164</v>
      </c>
      <c r="J157" s="11">
        <f t="shared" si="20"/>
        <v>2127</v>
      </c>
      <c r="K157" s="11">
        <f t="shared" si="20"/>
        <v>2086</v>
      </c>
      <c r="L157" s="11">
        <f t="shared" si="20"/>
        <v>2052</v>
      </c>
      <c r="M157" s="11">
        <f t="shared" si="20"/>
        <v>1998</v>
      </c>
      <c r="N157" s="11">
        <f t="shared" si="20"/>
        <v>1950</v>
      </c>
      <c r="O157" s="11">
        <f t="shared" si="20"/>
        <v>1899</v>
      </c>
      <c r="P157" s="11">
        <f t="shared" si="20"/>
        <v>1880</v>
      </c>
      <c r="Q157" s="11">
        <v>1814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950</v>
      </c>
      <c r="H158" s="14">
        <f t="shared" si="21"/>
        <v>1035</v>
      </c>
      <c r="I158" s="14">
        <f t="shared" si="21"/>
        <v>1178</v>
      </c>
      <c r="J158" s="14">
        <f t="shared" si="21"/>
        <v>1194</v>
      </c>
      <c r="K158" s="14">
        <f t="shared" si="21"/>
        <v>1196</v>
      </c>
      <c r="L158" s="14">
        <f t="shared" si="21"/>
        <v>1198</v>
      </c>
      <c r="M158" s="14">
        <f t="shared" si="21"/>
        <v>1205</v>
      </c>
      <c r="N158" s="14">
        <f t="shared" si="21"/>
        <v>1212</v>
      </c>
      <c r="O158" s="14">
        <f t="shared" si="21"/>
        <v>1210</v>
      </c>
      <c r="P158" s="14">
        <f t="shared" si="21"/>
        <v>1218</v>
      </c>
      <c r="Q158" s="14">
        <v>1214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3780</v>
      </c>
      <c r="H159" s="17">
        <f t="shared" ref="H159:N159" si="22">SUM(H156:H158)</f>
        <v>3756</v>
      </c>
      <c r="I159" s="17">
        <f t="shared" si="22"/>
        <v>3760</v>
      </c>
      <c r="J159" s="17">
        <f t="shared" si="22"/>
        <v>3730</v>
      </c>
      <c r="K159" s="17">
        <f t="shared" si="22"/>
        <v>3686</v>
      </c>
      <c r="L159" s="17">
        <f t="shared" si="22"/>
        <v>3640</v>
      </c>
      <c r="M159" s="17">
        <f t="shared" si="22"/>
        <v>3586</v>
      </c>
      <c r="N159" s="17">
        <f t="shared" si="22"/>
        <v>3530</v>
      </c>
      <c r="O159" s="17">
        <f>SUM(O156:O158)</f>
        <v>3465</v>
      </c>
      <c r="P159" s="17">
        <f>SUM(P156:P158)</f>
        <v>3441</v>
      </c>
      <c r="Q159" s="17">
        <f>SUM(Q156:Q158)</f>
        <v>3354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71" t="s">
        <v>7</v>
      </c>
      <c r="C164" s="71" t="s">
        <v>7</v>
      </c>
      <c r="D164" s="71" t="s">
        <v>7</v>
      </c>
      <c r="E164" s="71" t="s">
        <v>7</v>
      </c>
      <c r="F164" s="71" t="s">
        <v>7</v>
      </c>
      <c r="G164" s="72">
        <f t="shared" ref="G164:Q164" si="23">ROUND(G156/G159*100,1)</f>
        <v>13.6</v>
      </c>
      <c r="H164" s="72">
        <f t="shared" si="23"/>
        <v>12.9</v>
      </c>
      <c r="I164" s="72">
        <f t="shared" si="23"/>
        <v>11.1</v>
      </c>
      <c r="J164" s="72">
        <f t="shared" si="23"/>
        <v>11</v>
      </c>
      <c r="K164" s="72">
        <f t="shared" si="23"/>
        <v>11</v>
      </c>
      <c r="L164" s="72">
        <f t="shared" si="23"/>
        <v>10.7</v>
      </c>
      <c r="M164" s="72">
        <f t="shared" si="23"/>
        <v>10.7</v>
      </c>
      <c r="N164" s="72">
        <f t="shared" si="23"/>
        <v>10.4</v>
      </c>
      <c r="O164" s="72">
        <f t="shared" si="23"/>
        <v>10.3</v>
      </c>
      <c r="P164" s="72">
        <f t="shared" si="23"/>
        <v>10</v>
      </c>
      <c r="Q164" s="72">
        <f t="shared" si="23"/>
        <v>9.6999999999999993</v>
      </c>
    </row>
    <row r="165" spans="1:20" ht="21.75" customHeight="1" x14ac:dyDescent="0.2">
      <c r="A165" s="9" t="s">
        <v>34</v>
      </c>
      <c r="B165" s="73" t="s">
        <v>7</v>
      </c>
      <c r="C165" s="73" t="s">
        <v>7</v>
      </c>
      <c r="D165" s="73" t="s">
        <v>7</v>
      </c>
      <c r="E165" s="73" t="s">
        <v>7</v>
      </c>
      <c r="F165" s="73" t="s">
        <v>7</v>
      </c>
      <c r="G165" s="74">
        <f t="shared" ref="G165:Q165" si="24">ROUND(G157/G159*100,1)</f>
        <v>61.3</v>
      </c>
      <c r="H165" s="74">
        <f t="shared" si="24"/>
        <v>59.5</v>
      </c>
      <c r="I165" s="74">
        <f t="shared" si="24"/>
        <v>57.6</v>
      </c>
      <c r="J165" s="74">
        <f t="shared" si="24"/>
        <v>57</v>
      </c>
      <c r="K165" s="74">
        <f t="shared" si="24"/>
        <v>56.6</v>
      </c>
      <c r="L165" s="74">
        <f t="shared" si="24"/>
        <v>56.4</v>
      </c>
      <c r="M165" s="74">
        <f t="shared" si="24"/>
        <v>55.7</v>
      </c>
      <c r="N165" s="74">
        <f t="shared" si="24"/>
        <v>55.2</v>
      </c>
      <c r="O165" s="74">
        <f t="shared" si="24"/>
        <v>54.8</v>
      </c>
      <c r="P165" s="74">
        <f t="shared" si="24"/>
        <v>54.6</v>
      </c>
      <c r="Q165" s="74">
        <f t="shared" si="24"/>
        <v>54.1</v>
      </c>
    </row>
    <row r="166" spans="1:20" ht="21.75" customHeight="1" x14ac:dyDescent="0.2">
      <c r="A166" s="12" t="s">
        <v>35</v>
      </c>
      <c r="B166" s="75" t="s">
        <v>7</v>
      </c>
      <c r="C166" s="75" t="s">
        <v>7</v>
      </c>
      <c r="D166" s="75" t="s">
        <v>7</v>
      </c>
      <c r="E166" s="75" t="s">
        <v>7</v>
      </c>
      <c r="F166" s="75" t="s">
        <v>7</v>
      </c>
      <c r="G166" s="76">
        <f t="shared" ref="G166:Q166" si="25">ROUND(G158/G159*100,1)</f>
        <v>25.1</v>
      </c>
      <c r="H166" s="76">
        <f t="shared" si="25"/>
        <v>27.6</v>
      </c>
      <c r="I166" s="76">
        <f t="shared" si="25"/>
        <v>31.3</v>
      </c>
      <c r="J166" s="76">
        <f t="shared" si="25"/>
        <v>32</v>
      </c>
      <c r="K166" s="76">
        <f t="shared" si="25"/>
        <v>32.4</v>
      </c>
      <c r="L166" s="76">
        <f t="shared" si="25"/>
        <v>32.9</v>
      </c>
      <c r="M166" s="76">
        <f t="shared" si="25"/>
        <v>33.6</v>
      </c>
      <c r="N166" s="76">
        <f t="shared" si="25"/>
        <v>34.299999999999997</v>
      </c>
      <c r="O166" s="76">
        <f t="shared" si="25"/>
        <v>34.9</v>
      </c>
      <c r="P166" s="76">
        <f t="shared" si="25"/>
        <v>35.4</v>
      </c>
      <c r="Q166" s="76">
        <f t="shared" si="25"/>
        <v>36.200000000000003</v>
      </c>
    </row>
    <row r="167" spans="1:20" ht="21.75" customHeight="1" x14ac:dyDescent="0.2">
      <c r="A167" s="5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66"/>
      <c r="B168" s="66"/>
      <c r="C168" s="66"/>
      <c r="D168" s="66"/>
      <c r="E168" s="66"/>
      <c r="F168" s="66"/>
      <c r="G168" s="66"/>
      <c r="H168" s="66"/>
      <c r="I168" s="66"/>
      <c r="J168" s="66"/>
      <c r="K168" s="66"/>
      <c r="L168" s="66"/>
      <c r="M168" s="66"/>
      <c r="N168" s="66"/>
      <c r="O168" s="66"/>
      <c r="P168" s="66"/>
      <c r="Q168" s="66"/>
      <c r="R168" s="66"/>
      <c r="S168" s="66"/>
      <c r="T168" s="6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DE7B564-9620-408F-883F-2718564AD5EF}">
  <sheetPr codeName="Sheet69"/>
  <dimension ref="A1:T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48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377</v>
      </c>
      <c r="H5" s="8">
        <f t="shared" si="0"/>
        <v>328</v>
      </c>
      <c r="I5" s="8">
        <f t="shared" si="0"/>
        <v>239</v>
      </c>
      <c r="J5" s="8">
        <f t="shared" si="0"/>
        <v>227</v>
      </c>
      <c r="K5" s="8">
        <f t="shared" si="0"/>
        <v>231</v>
      </c>
      <c r="L5" s="8">
        <f t="shared" si="0"/>
        <v>236</v>
      </c>
      <c r="M5" s="8">
        <f t="shared" si="0"/>
        <v>229</v>
      </c>
      <c r="N5" s="8">
        <f t="shared" si="0"/>
        <v>220</v>
      </c>
      <c r="O5" s="8">
        <f t="shared" si="0"/>
        <v>204</v>
      </c>
      <c r="P5" s="8">
        <f t="shared" si="0"/>
        <v>175</v>
      </c>
      <c r="Q5" s="8">
        <f t="shared" si="0"/>
        <v>154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410</v>
      </c>
      <c r="H6" s="8">
        <f t="shared" si="0"/>
        <v>388</v>
      </c>
      <c r="I6" s="8">
        <f t="shared" si="0"/>
        <v>334</v>
      </c>
      <c r="J6" s="8">
        <f t="shared" si="0"/>
        <v>324</v>
      </c>
      <c r="K6" s="8">
        <f t="shared" si="0"/>
        <v>319</v>
      </c>
      <c r="L6" s="8">
        <f t="shared" si="0"/>
        <v>286</v>
      </c>
      <c r="M6" s="8">
        <f t="shared" si="0"/>
        <v>268</v>
      </c>
      <c r="N6" s="8">
        <f t="shared" si="0"/>
        <v>245</v>
      </c>
      <c r="O6" s="8">
        <f t="shared" si="0"/>
        <v>231</v>
      </c>
      <c r="P6" s="8">
        <f t="shared" si="0"/>
        <v>232</v>
      </c>
      <c r="Q6" s="8">
        <f t="shared" si="0"/>
        <v>236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341</v>
      </c>
      <c r="H7" s="8">
        <f t="shared" si="0"/>
        <v>406</v>
      </c>
      <c r="I7" s="8">
        <f t="shared" si="0"/>
        <v>387</v>
      </c>
      <c r="J7" s="8">
        <f t="shared" si="0"/>
        <v>371</v>
      </c>
      <c r="K7" s="8">
        <f t="shared" si="0"/>
        <v>354</v>
      </c>
      <c r="L7" s="8">
        <f t="shared" si="0"/>
        <v>352</v>
      </c>
      <c r="M7" s="8">
        <f t="shared" si="0"/>
        <v>339</v>
      </c>
      <c r="N7" s="8">
        <f t="shared" si="0"/>
        <v>347</v>
      </c>
      <c r="O7" s="8">
        <f t="shared" si="0"/>
        <v>332</v>
      </c>
      <c r="P7" s="8">
        <f t="shared" si="0"/>
        <v>311</v>
      </c>
      <c r="Q7" s="8">
        <f t="shared" si="0"/>
        <v>277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375</v>
      </c>
      <c r="H8" s="11">
        <f t="shared" si="0"/>
        <v>330</v>
      </c>
      <c r="I8" s="11">
        <f t="shared" si="0"/>
        <v>397</v>
      </c>
      <c r="J8" s="11">
        <f t="shared" si="0"/>
        <v>408</v>
      </c>
      <c r="K8" s="11">
        <f t="shared" si="0"/>
        <v>405</v>
      </c>
      <c r="L8" s="11">
        <f t="shared" si="0"/>
        <v>398</v>
      </c>
      <c r="M8" s="11">
        <f t="shared" si="0"/>
        <v>400</v>
      </c>
      <c r="N8" s="11">
        <f t="shared" si="0"/>
        <v>374</v>
      </c>
      <c r="O8" s="11">
        <f t="shared" si="0"/>
        <v>362</v>
      </c>
      <c r="P8" s="11">
        <f t="shared" si="0"/>
        <v>341</v>
      </c>
      <c r="Q8" s="11">
        <f t="shared" si="0"/>
        <v>353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376</v>
      </c>
      <c r="H9" s="11">
        <f t="shared" si="0"/>
        <v>331</v>
      </c>
      <c r="I9" s="11">
        <f t="shared" si="0"/>
        <v>301</v>
      </c>
      <c r="J9" s="11">
        <f t="shared" si="0"/>
        <v>333</v>
      </c>
      <c r="K9" s="11">
        <f t="shared" si="0"/>
        <v>343</v>
      </c>
      <c r="L9" s="11">
        <f t="shared" si="0"/>
        <v>352</v>
      </c>
      <c r="M9" s="11">
        <f t="shared" si="0"/>
        <v>368</v>
      </c>
      <c r="N9" s="11">
        <f t="shared" si="0"/>
        <v>398</v>
      </c>
      <c r="O9" s="11">
        <f t="shared" si="0"/>
        <v>381</v>
      </c>
      <c r="P9" s="11">
        <f t="shared" si="0"/>
        <v>366</v>
      </c>
      <c r="Q9" s="11">
        <f t="shared" si="0"/>
        <v>343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460</v>
      </c>
      <c r="H10" s="11">
        <f t="shared" si="0"/>
        <v>357</v>
      </c>
      <c r="I10" s="11">
        <f t="shared" si="0"/>
        <v>303</v>
      </c>
      <c r="J10" s="11">
        <f t="shared" si="0"/>
        <v>289</v>
      </c>
      <c r="K10" s="11">
        <f t="shared" si="0"/>
        <v>289</v>
      </c>
      <c r="L10" s="11">
        <f t="shared" si="0"/>
        <v>271</v>
      </c>
      <c r="M10" s="11">
        <f t="shared" si="0"/>
        <v>245</v>
      </c>
      <c r="N10" s="11">
        <f t="shared" si="0"/>
        <v>254</v>
      </c>
      <c r="O10" s="11">
        <f t="shared" si="0"/>
        <v>259</v>
      </c>
      <c r="P10" s="11">
        <f t="shared" si="0"/>
        <v>260</v>
      </c>
      <c r="Q10" s="11">
        <f t="shared" si="0"/>
        <v>274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576</v>
      </c>
      <c r="H11" s="11">
        <f t="shared" si="0"/>
        <v>464</v>
      </c>
      <c r="I11" s="11">
        <f t="shared" si="0"/>
        <v>385</v>
      </c>
      <c r="J11" s="11">
        <f t="shared" si="0"/>
        <v>360</v>
      </c>
      <c r="K11" s="11">
        <f t="shared" si="0"/>
        <v>341</v>
      </c>
      <c r="L11" s="11">
        <f t="shared" si="0"/>
        <v>324</v>
      </c>
      <c r="M11" s="11">
        <f t="shared" si="0"/>
        <v>284</v>
      </c>
      <c r="N11" s="11">
        <f t="shared" si="0"/>
        <v>266</v>
      </c>
      <c r="O11" s="11">
        <f t="shared" si="0"/>
        <v>249</v>
      </c>
      <c r="P11" s="11">
        <f t="shared" si="0"/>
        <v>233</v>
      </c>
      <c r="Q11" s="11">
        <f t="shared" si="0"/>
        <v>227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417</v>
      </c>
      <c r="H12" s="11">
        <f t="shared" si="0"/>
        <v>573</v>
      </c>
      <c r="I12" s="11">
        <f t="shared" si="0"/>
        <v>454</v>
      </c>
      <c r="J12" s="11">
        <f t="shared" si="0"/>
        <v>439</v>
      </c>
      <c r="K12" s="11">
        <f t="shared" si="0"/>
        <v>434</v>
      </c>
      <c r="L12" s="11">
        <f t="shared" si="0"/>
        <v>415</v>
      </c>
      <c r="M12" s="11">
        <f t="shared" si="0"/>
        <v>392</v>
      </c>
      <c r="N12" s="11">
        <f t="shared" si="0"/>
        <v>386</v>
      </c>
      <c r="O12" s="11">
        <f t="shared" si="0"/>
        <v>343</v>
      </c>
      <c r="P12" s="11">
        <f t="shared" si="0"/>
        <v>301</v>
      </c>
      <c r="Q12" s="11">
        <f t="shared" si="0"/>
        <v>273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416</v>
      </c>
      <c r="H13" s="11">
        <f t="shared" si="0"/>
        <v>412</v>
      </c>
      <c r="I13" s="11">
        <f t="shared" si="0"/>
        <v>572</v>
      </c>
      <c r="J13" s="11">
        <f t="shared" si="0"/>
        <v>556</v>
      </c>
      <c r="K13" s="11">
        <f t="shared" si="0"/>
        <v>555</v>
      </c>
      <c r="L13" s="11">
        <f t="shared" si="0"/>
        <v>513</v>
      </c>
      <c r="M13" s="11">
        <f t="shared" si="0"/>
        <v>509</v>
      </c>
      <c r="N13" s="11">
        <f t="shared" si="0"/>
        <v>446</v>
      </c>
      <c r="O13" s="11">
        <f t="shared" si="0"/>
        <v>422</v>
      </c>
      <c r="P13" s="11">
        <f t="shared" si="0"/>
        <v>427</v>
      </c>
      <c r="Q13" s="11">
        <f t="shared" si="0"/>
        <v>414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424</v>
      </c>
      <c r="H14" s="11">
        <f t="shared" si="0"/>
        <v>417</v>
      </c>
      <c r="I14" s="11">
        <f t="shared" si="0"/>
        <v>421</v>
      </c>
      <c r="J14" s="11">
        <f t="shared" si="0"/>
        <v>476</v>
      </c>
      <c r="K14" s="11">
        <f t="shared" si="0"/>
        <v>488</v>
      </c>
      <c r="L14" s="11">
        <f t="shared" si="0"/>
        <v>538</v>
      </c>
      <c r="M14" s="11">
        <f t="shared" si="0"/>
        <v>553</v>
      </c>
      <c r="N14" s="11">
        <f t="shared" si="0"/>
        <v>579</v>
      </c>
      <c r="O14" s="11">
        <f t="shared" si="0"/>
        <v>564</v>
      </c>
      <c r="P14" s="11">
        <f t="shared" si="0"/>
        <v>541</v>
      </c>
      <c r="Q14" s="11">
        <f t="shared" si="0"/>
        <v>507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554</v>
      </c>
      <c r="H15" s="11">
        <f t="shared" si="0"/>
        <v>415</v>
      </c>
      <c r="I15" s="11">
        <f t="shared" si="0"/>
        <v>417</v>
      </c>
      <c r="J15" s="11">
        <f t="shared" si="0"/>
        <v>403</v>
      </c>
      <c r="K15" s="11">
        <f t="shared" si="0"/>
        <v>400</v>
      </c>
      <c r="L15" s="11">
        <f t="shared" si="0"/>
        <v>389</v>
      </c>
      <c r="M15" s="11">
        <f t="shared" si="0"/>
        <v>388</v>
      </c>
      <c r="N15" s="11">
        <f t="shared" si="0"/>
        <v>409</v>
      </c>
      <c r="O15" s="11">
        <f t="shared" si="0"/>
        <v>465</v>
      </c>
      <c r="P15" s="11">
        <f t="shared" si="0"/>
        <v>480</v>
      </c>
      <c r="Q15" s="11">
        <f t="shared" si="0"/>
        <v>531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639</v>
      </c>
      <c r="H16" s="11">
        <f t="shared" si="0"/>
        <v>559</v>
      </c>
      <c r="I16" s="11">
        <f t="shared" si="0"/>
        <v>413</v>
      </c>
      <c r="J16" s="11">
        <f t="shared" si="0"/>
        <v>407</v>
      </c>
      <c r="K16" s="11">
        <f t="shared" si="0"/>
        <v>392</v>
      </c>
      <c r="L16" s="11">
        <f t="shared" si="0"/>
        <v>406</v>
      </c>
      <c r="M16" s="11">
        <f t="shared" si="0"/>
        <v>418</v>
      </c>
      <c r="N16" s="11">
        <f t="shared" si="0"/>
        <v>407</v>
      </c>
      <c r="O16" s="11">
        <f t="shared" si="0"/>
        <v>398</v>
      </c>
      <c r="P16" s="11">
        <f t="shared" si="0"/>
        <v>400</v>
      </c>
      <c r="Q16" s="11">
        <f t="shared" si="0"/>
        <v>385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404</v>
      </c>
      <c r="H17" s="11">
        <f t="shared" si="0"/>
        <v>648</v>
      </c>
      <c r="I17" s="11">
        <f t="shared" si="0"/>
        <v>560</v>
      </c>
      <c r="J17" s="11">
        <f t="shared" si="0"/>
        <v>506</v>
      </c>
      <c r="K17" s="11">
        <f t="shared" si="0"/>
        <v>476</v>
      </c>
      <c r="L17" s="11">
        <f t="shared" si="0"/>
        <v>451</v>
      </c>
      <c r="M17" s="11">
        <f t="shared" si="0"/>
        <v>424</v>
      </c>
      <c r="N17" s="11">
        <f t="shared" si="0"/>
        <v>403</v>
      </c>
      <c r="O17" s="11">
        <f t="shared" si="0"/>
        <v>399</v>
      </c>
      <c r="P17" s="11">
        <f t="shared" si="0"/>
        <v>386</v>
      </c>
      <c r="Q17" s="11">
        <f t="shared" si="0"/>
        <v>398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389</v>
      </c>
      <c r="H18" s="14">
        <f t="shared" si="0"/>
        <v>395</v>
      </c>
      <c r="I18" s="14">
        <f t="shared" si="0"/>
        <v>645</v>
      </c>
      <c r="J18" s="14">
        <f t="shared" si="0"/>
        <v>705</v>
      </c>
      <c r="K18" s="14">
        <f t="shared" si="0"/>
        <v>680</v>
      </c>
      <c r="L18" s="14">
        <f t="shared" si="0"/>
        <v>654</v>
      </c>
      <c r="M18" s="14">
        <f t="shared" si="0"/>
        <v>582</v>
      </c>
      <c r="N18" s="14">
        <f t="shared" si="0"/>
        <v>549</v>
      </c>
      <c r="O18" s="14">
        <f t="shared" si="0"/>
        <v>499</v>
      </c>
      <c r="P18" s="14">
        <f t="shared" si="0"/>
        <v>469</v>
      </c>
      <c r="Q18" s="14">
        <f t="shared" si="0"/>
        <v>447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413</v>
      </c>
      <c r="H19" s="14">
        <f t="shared" si="0"/>
        <v>367</v>
      </c>
      <c r="I19" s="14">
        <f t="shared" si="0"/>
        <v>381</v>
      </c>
      <c r="J19" s="14">
        <f t="shared" si="0"/>
        <v>362</v>
      </c>
      <c r="K19" s="14">
        <f t="shared" si="0"/>
        <v>420</v>
      </c>
      <c r="L19" s="14">
        <f t="shared" si="0"/>
        <v>466</v>
      </c>
      <c r="M19" s="14">
        <f t="shared" si="0"/>
        <v>550</v>
      </c>
      <c r="N19" s="14">
        <f t="shared" si="0"/>
        <v>622</v>
      </c>
      <c r="O19" s="14">
        <f t="shared" si="0"/>
        <v>685</v>
      </c>
      <c r="P19" s="14">
        <f t="shared" si="0"/>
        <v>654</v>
      </c>
      <c r="Q19" s="14">
        <f t="shared" si="0"/>
        <v>622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348</v>
      </c>
      <c r="H20" s="14">
        <f t="shared" si="0"/>
        <v>375</v>
      </c>
      <c r="I20" s="14">
        <f t="shared" si="0"/>
        <v>331</v>
      </c>
      <c r="J20" s="14">
        <f t="shared" si="0"/>
        <v>328</v>
      </c>
      <c r="K20" s="14">
        <f t="shared" si="0"/>
        <v>340</v>
      </c>
      <c r="L20" s="14">
        <f t="shared" si="0"/>
        <v>339</v>
      </c>
      <c r="M20" s="14">
        <f t="shared" si="0"/>
        <v>348</v>
      </c>
      <c r="N20" s="14">
        <f t="shared" si="0"/>
        <v>351</v>
      </c>
      <c r="O20" s="14">
        <f t="shared" si="0"/>
        <v>332</v>
      </c>
      <c r="P20" s="14">
        <f t="shared" si="0"/>
        <v>396</v>
      </c>
      <c r="Q20" s="14">
        <f t="shared" si="0"/>
        <v>442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212</v>
      </c>
      <c r="H21" s="14">
        <f t="shared" si="1"/>
        <v>294</v>
      </c>
      <c r="I21" s="14">
        <f t="shared" si="1"/>
        <v>324</v>
      </c>
      <c r="J21" s="14">
        <f t="shared" si="1"/>
        <v>319</v>
      </c>
      <c r="K21" s="14">
        <f t="shared" si="1"/>
        <v>305</v>
      </c>
      <c r="L21" s="14">
        <f t="shared" si="1"/>
        <v>303</v>
      </c>
      <c r="M21" s="14">
        <f t="shared" si="1"/>
        <v>283</v>
      </c>
      <c r="N21" s="14">
        <f t="shared" si="1"/>
        <v>273</v>
      </c>
      <c r="O21" s="14">
        <f t="shared" si="1"/>
        <v>285</v>
      </c>
      <c r="P21" s="14">
        <f t="shared" si="1"/>
        <v>291</v>
      </c>
      <c r="Q21" s="14">
        <f t="shared" si="1"/>
        <v>290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104</v>
      </c>
      <c r="H22" s="14">
        <f t="shared" si="1"/>
        <v>138</v>
      </c>
      <c r="I22" s="14">
        <f t="shared" si="1"/>
        <v>209</v>
      </c>
      <c r="J22" s="14">
        <f t="shared" si="1"/>
        <v>221</v>
      </c>
      <c r="K22" s="14">
        <f t="shared" si="1"/>
        <v>236</v>
      </c>
      <c r="L22" s="14">
        <f t="shared" si="1"/>
        <v>240</v>
      </c>
      <c r="M22" s="14">
        <f t="shared" si="1"/>
        <v>257</v>
      </c>
      <c r="N22" s="14">
        <f t="shared" si="1"/>
        <v>247</v>
      </c>
      <c r="O22" s="14">
        <f t="shared" si="1"/>
        <v>249</v>
      </c>
      <c r="P22" s="14">
        <f t="shared" si="1"/>
        <v>231</v>
      </c>
      <c r="Q22" s="14">
        <f t="shared" si="1"/>
        <v>240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52</v>
      </c>
      <c r="H23" s="14">
        <f t="shared" si="1"/>
        <v>59</v>
      </c>
      <c r="I23" s="14">
        <f t="shared" si="1"/>
        <v>76</v>
      </c>
      <c r="J23" s="14">
        <f t="shared" si="1"/>
        <v>83</v>
      </c>
      <c r="K23" s="14">
        <f t="shared" si="1"/>
        <v>88</v>
      </c>
      <c r="L23" s="14">
        <f t="shared" si="1"/>
        <v>100</v>
      </c>
      <c r="M23" s="14">
        <f t="shared" si="1"/>
        <v>112</v>
      </c>
      <c r="N23" s="14">
        <f t="shared" si="1"/>
        <v>127</v>
      </c>
      <c r="O23" s="14">
        <f t="shared" si="1"/>
        <v>131</v>
      </c>
      <c r="P23" s="14">
        <f t="shared" si="1"/>
        <v>149</v>
      </c>
      <c r="Q23" s="14">
        <f t="shared" si="1"/>
        <v>144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2</v>
      </c>
      <c r="H24" s="14">
        <f t="shared" si="1"/>
        <v>17</v>
      </c>
      <c r="I24" s="14">
        <f t="shared" si="1"/>
        <v>22</v>
      </c>
      <c r="J24" s="14">
        <f t="shared" si="1"/>
        <v>21</v>
      </c>
      <c r="K24" s="14">
        <f t="shared" si="1"/>
        <v>23</v>
      </c>
      <c r="L24" s="14">
        <f t="shared" si="1"/>
        <v>29</v>
      </c>
      <c r="M24" s="14">
        <f t="shared" si="1"/>
        <v>25</v>
      </c>
      <c r="N24" s="14">
        <f t="shared" si="1"/>
        <v>24</v>
      </c>
      <c r="O24" s="14">
        <f t="shared" si="1"/>
        <v>29</v>
      </c>
      <c r="P24" s="14">
        <f t="shared" si="1"/>
        <v>34</v>
      </c>
      <c r="Q24" s="14">
        <f t="shared" si="1"/>
        <v>32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4</v>
      </c>
      <c r="I25" s="14">
        <f t="shared" si="1"/>
        <v>2</v>
      </c>
      <c r="J25" s="14">
        <f t="shared" si="1"/>
        <v>5</v>
      </c>
      <c r="K25" s="14">
        <f t="shared" si="1"/>
        <v>6</v>
      </c>
      <c r="L25" s="14">
        <f t="shared" si="1"/>
        <v>0</v>
      </c>
      <c r="M25" s="14">
        <f t="shared" si="1"/>
        <v>3</v>
      </c>
      <c r="N25" s="14">
        <f t="shared" si="1"/>
        <v>3</v>
      </c>
      <c r="O25" s="14">
        <f t="shared" si="1"/>
        <v>3</v>
      </c>
      <c r="P25" s="14">
        <f t="shared" si="1"/>
        <v>3</v>
      </c>
      <c r="Q25" s="14">
        <f t="shared" si="1"/>
        <v>2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7299</v>
      </c>
      <c r="H26" s="17">
        <f>SUM(H5:H25)</f>
        <v>7277</v>
      </c>
      <c r="I26" s="17">
        <f t="shared" ref="I26:N26" si="2">SUM(I5:I25)</f>
        <v>7173</v>
      </c>
      <c r="J26" s="17">
        <f t="shared" si="2"/>
        <v>7143</v>
      </c>
      <c r="K26" s="17">
        <f t="shared" si="2"/>
        <v>7125</v>
      </c>
      <c r="L26" s="17">
        <f t="shared" si="2"/>
        <v>7062</v>
      </c>
      <c r="M26" s="17">
        <f t="shared" si="2"/>
        <v>6977</v>
      </c>
      <c r="N26" s="17">
        <f t="shared" si="2"/>
        <v>6930</v>
      </c>
      <c r="O26" s="17">
        <f>SUM(O5:O25)</f>
        <v>6822</v>
      </c>
      <c r="P26" s="17">
        <f>SUM(P5:P25)</f>
        <v>6680</v>
      </c>
      <c r="Q26" s="17">
        <f>SUM(Q5:Q25)</f>
        <v>6591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128</v>
      </c>
      <c r="H31" s="21">
        <f t="shared" si="3"/>
        <v>1122</v>
      </c>
      <c r="I31" s="21">
        <f t="shared" si="3"/>
        <v>960</v>
      </c>
      <c r="J31" s="21">
        <f t="shared" si="3"/>
        <v>922</v>
      </c>
      <c r="K31" s="21">
        <f t="shared" si="3"/>
        <v>904</v>
      </c>
      <c r="L31" s="21">
        <f t="shared" si="3"/>
        <v>874</v>
      </c>
      <c r="M31" s="21">
        <f t="shared" si="3"/>
        <v>836</v>
      </c>
      <c r="N31" s="21">
        <f t="shared" si="3"/>
        <v>812</v>
      </c>
      <c r="O31" s="21">
        <f t="shared" si="3"/>
        <v>767</v>
      </c>
      <c r="P31" s="21">
        <f t="shared" si="3"/>
        <v>718</v>
      </c>
      <c r="Q31" s="21">
        <f t="shared" si="3"/>
        <v>667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4641</v>
      </c>
      <c r="H32" s="22">
        <f t="shared" si="4"/>
        <v>4506</v>
      </c>
      <c r="I32" s="22">
        <f t="shared" si="4"/>
        <v>4223</v>
      </c>
      <c r="J32" s="22">
        <f t="shared" si="4"/>
        <v>4177</v>
      </c>
      <c r="K32" s="22">
        <f t="shared" si="4"/>
        <v>4123</v>
      </c>
      <c r="L32" s="22">
        <f t="shared" si="4"/>
        <v>4057</v>
      </c>
      <c r="M32" s="22">
        <f t="shared" si="4"/>
        <v>3981</v>
      </c>
      <c r="N32" s="22">
        <f t="shared" si="4"/>
        <v>3922</v>
      </c>
      <c r="O32" s="22">
        <f t="shared" si="4"/>
        <v>3842</v>
      </c>
      <c r="P32" s="22">
        <f t="shared" si="4"/>
        <v>3735</v>
      </c>
      <c r="Q32" s="22">
        <f t="shared" si="4"/>
        <v>3705</v>
      </c>
    </row>
    <row r="33" spans="1:20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1530</v>
      </c>
      <c r="H33" s="23">
        <f t="shared" si="5"/>
        <v>1649</v>
      </c>
      <c r="I33" s="23">
        <f t="shared" si="5"/>
        <v>1990</v>
      </c>
      <c r="J33" s="23">
        <f t="shared" si="5"/>
        <v>2044</v>
      </c>
      <c r="K33" s="23">
        <f t="shared" si="5"/>
        <v>2098</v>
      </c>
      <c r="L33" s="23">
        <f t="shared" si="5"/>
        <v>2131</v>
      </c>
      <c r="M33" s="23">
        <f t="shared" si="5"/>
        <v>2160</v>
      </c>
      <c r="N33" s="23">
        <f t="shared" si="5"/>
        <v>2196</v>
      </c>
      <c r="O33" s="23">
        <f t="shared" si="5"/>
        <v>2213</v>
      </c>
      <c r="P33" s="23">
        <f t="shared" si="5"/>
        <v>2227</v>
      </c>
      <c r="Q33" s="23">
        <f t="shared" si="5"/>
        <v>2219</v>
      </c>
    </row>
    <row r="34" spans="1:20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7299</v>
      </c>
      <c r="H34" s="24">
        <f>SUM(H31:H33)</f>
        <v>7277</v>
      </c>
      <c r="I34" s="24">
        <f t="shared" ref="I34:N34" si="6">SUM(I31:I33)</f>
        <v>7173</v>
      </c>
      <c r="J34" s="24">
        <f t="shared" si="6"/>
        <v>7143</v>
      </c>
      <c r="K34" s="24">
        <f t="shared" si="6"/>
        <v>7125</v>
      </c>
      <c r="L34" s="24">
        <f t="shared" si="6"/>
        <v>7062</v>
      </c>
      <c r="M34" s="24">
        <f t="shared" si="6"/>
        <v>6977</v>
      </c>
      <c r="N34" s="24">
        <f t="shared" si="6"/>
        <v>6930</v>
      </c>
      <c r="O34" s="24">
        <f>SUM(O31:O33)</f>
        <v>6822</v>
      </c>
      <c r="P34" s="24">
        <f>SUM(P31:P33)</f>
        <v>6680</v>
      </c>
      <c r="Q34" s="24">
        <f>SUM(Q31:Q33)</f>
        <v>6591</v>
      </c>
    </row>
    <row r="35" spans="1:20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0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0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0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0" ht="23.25" customHeight="1" x14ac:dyDescent="0.2">
      <c r="A39" s="6" t="s">
        <v>33</v>
      </c>
      <c r="B39" s="71" t="s">
        <v>7</v>
      </c>
      <c r="C39" s="71" t="s">
        <v>7</v>
      </c>
      <c r="D39" s="71" t="s">
        <v>7</v>
      </c>
      <c r="E39" s="71" t="s">
        <v>7</v>
      </c>
      <c r="F39" s="71" t="s">
        <v>7</v>
      </c>
      <c r="G39" s="77">
        <f t="shared" ref="G39:Q39" si="7">ROUND(G31/G34*100,1)</f>
        <v>15.5</v>
      </c>
      <c r="H39" s="77">
        <f t="shared" si="7"/>
        <v>15.4</v>
      </c>
      <c r="I39" s="77">
        <f t="shared" si="7"/>
        <v>13.4</v>
      </c>
      <c r="J39" s="77">
        <f t="shared" si="7"/>
        <v>12.9</v>
      </c>
      <c r="K39" s="77">
        <f t="shared" si="7"/>
        <v>12.7</v>
      </c>
      <c r="L39" s="77">
        <f t="shared" si="7"/>
        <v>12.4</v>
      </c>
      <c r="M39" s="77">
        <f t="shared" si="7"/>
        <v>12</v>
      </c>
      <c r="N39" s="77">
        <f t="shared" si="7"/>
        <v>11.7</v>
      </c>
      <c r="O39" s="77">
        <f t="shared" si="7"/>
        <v>11.2</v>
      </c>
      <c r="P39" s="77">
        <f t="shared" si="7"/>
        <v>10.7</v>
      </c>
      <c r="Q39" s="77">
        <f t="shared" si="7"/>
        <v>10.1</v>
      </c>
    </row>
    <row r="40" spans="1:20" ht="23.25" customHeight="1" x14ac:dyDescent="0.2">
      <c r="A40" s="9" t="s">
        <v>34</v>
      </c>
      <c r="B40" s="73" t="s">
        <v>7</v>
      </c>
      <c r="C40" s="73" t="s">
        <v>7</v>
      </c>
      <c r="D40" s="73" t="s">
        <v>7</v>
      </c>
      <c r="E40" s="73" t="s">
        <v>7</v>
      </c>
      <c r="F40" s="73" t="s">
        <v>7</v>
      </c>
      <c r="G40" s="78">
        <f t="shared" ref="G40:Q40" si="8">ROUND(G32/G34*100,1)</f>
        <v>63.6</v>
      </c>
      <c r="H40" s="78">
        <f t="shared" si="8"/>
        <v>61.9</v>
      </c>
      <c r="I40" s="78">
        <f t="shared" si="8"/>
        <v>58.9</v>
      </c>
      <c r="J40" s="78">
        <f t="shared" si="8"/>
        <v>58.5</v>
      </c>
      <c r="K40" s="78">
        <f t="shared" si="8"/>
        <v>57.9</v>
      </c>
      <c r="L40" s="78">
        <f t="shared" si="8"/>
        <v>57.4</v>
      </c>
      <c r="M40" s="78">
        <f t="shared" si="8"/>
        <v>57.1</v>
      </c>
      <c r="N40" s="78">
        <f t="shared" si="8"/>
        <v>56.6</v>
      </c>
      <c r="O40" s="78">
        <f t="shared" si="8"/>
        <v>56.3</v>
      </c>
      <c r="P40" s="78">
        <f t="shared" si="8"/>
        <v>55.9</v>
      </c>
      <c r="Q40" s="78">
        <f t="shared" si="8"/>
        <v>56.2</v>
      </c>
    </row>
    <row r="41" spans="1:20" ht="23.25" customHeight="1" x14ac:dyDescent="0.2">
      <c r="A41" s="12" t="s">
        <v>35</v>
      </c>
      <c r="B41" s="75" t="s">
        <v>7</v>
      </c>
      <c r="C41" s="75" t="s">
        <v>7</v>
      </c>
      <c r="D41" s="75" t="s">
        <v>7</v>
      </c>
      <c r="E41" s="75" t="s">
        <v>7</v>
      </c>
      <c r="F41" s="75" t="s">
        <v>7</v>
      </c>
      <c r="G41" s="79">
        <f t="shared" ref="G41:Q41" si="9">ROUND(G33/G34*100,1)</f>
        <v>21</v>
      </c>
      <c r="H41" s="79">
        <f t="shared" si="9"/>
        <v>22.7</v>
      </c>
      <c r="I41" s="79">
        <f t="shared" si="9"/>
        <v>27.7</v>
      </c>
      <c r="J41" s="79">
        <f t="shared" si="9"/>
        <v>28.6</v>
      </c>
      <c r="K41" s="79">
        <f t="shared" si="9"/>
        <v>29.4</v>
      </c>
      <c r="L41" s="79">
        <f t="shared" si="9"/>
        <v>30.2</v>
      </c>
      <c r="M41" s="79">
        <f t="shared" si="9"/>
        <v>31</v>
      </c>
      <c r="N41" s="79">
        <f t="shared" si="9"/>
        <v>31.7</v>
      </c>
      <c r="O41" s="79">
        <f t="shared" si="9"/>
        <v>32.4</v>
      </c>
      <c r="P41" s="79">
        <f t="shared" si="9"/>
        <v>33.299999999999997</v>
      </c>
      <c r="Q41" s="79">
        <f t="shared" si="9"/>
        <v>33.700000000000003</v>
      </c>
    </row>
    <row r="42" spans="1:20" ht="23.25" customHeight="1" x14ac:dyDescent="0.2">
      <c r="A42" s="5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0" ht="23.25" customHeight="1" x14ac:dyDescent="0.2">
      <c r="A43" s="5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0" ht="23.25" customHeight="1" x14ac:dyDescent="0.2">
      <c r="A44" s="5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0" ht="23.25" customHeight="1" x14ac:dyDescent="0.2">
      <c r="A45" s="5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0" ht="23.25" customHeight="1" x14ac:dyDescent="0.2">
      <c r="A46" s="5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0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0" ht="23.25" customHeight="1" thickTop="1" x14ac:dyDescent="0.2">
      <c r="A48" s="4"/>
      <c r="B48" s="4"/>
      <c r="C48" s="60" t="s">
        <v>39</v>
      </c>
      <c r="D48" s="61"/>
      <c r="E48" s="61"/>
      <c r="F48" s="62"/>
      <c r="J48" s="60" t="s">
        <v>40</v>
      </c>
      <c r="K48" s="61"/>
      <c r="L48" s="61"/>
      <c r="M48" s="61"/>
      <c r="N48" s="61"/>
      <c r="O48" s="62"/>
      <c r="P48" s="4"/>
      <c r="Q48" s="4"/>
      <c r="R48" s="4"/>
      <c r="S48" s="4"/>
      <c r="T48" s="4"/>
    </row>
    <row r="49" spans="1:20" ht="23.25" customHeight="1" thickBot="1" x14ac:dyDescent="0.25">
      <c r="A49" s="4"/>
      <c r="B49" s="4"/>
      <c r="C49" s="63"/>
      <c r="D49" s="64"/>
      <c r="E49" s="64"/>
      <c r="F49" s="65"/>
      <c r="J49" s="63"/>
      <c r="K49" s="64"/>
      <c r="L49" s="64"/>
      <c r="M49" s="64"/>
      <c r="N49" s="64"/>
      <c r="O49" s="65"/>
      <c r="P49" s="4"/>
      <c r="Q49" s="4"/>
      <c r="R49" s="4"/>
      <c r="S49" s="4"/>
      <c r="T49" s="4"/>
    </row>
    <row r="50" spans="1:20" ht="23.25" customHeight="1" thickTop="1" x14ac:dyDescent="0.25">
      <c r="A50" s="4"/>
      <c r="B50" s="4"/>
      <c r="C50" s="66"/>
      <c r="D50" s="66"/>
      <c r="E50" s="66"/>
      <c r="F50" s="4"/>
      <c r="L50" s="67"/>
      <c r="M50" s="67"/>
      <c r="N50" s="67"/>
      <c r="O50" s="4"/>
      <c r="P50" s="4"/>
      <c r="Q50" s="4"/>
      <c r="R50" s="4"/>
      <c r="S50" s="68"/>
      <c r="T50" s="4"/>
    </row>
    <row r="51" spans="1:20" ht="23.25" customHeight="1" x14ac:dyDescent="0.25">
      <c r="A51" s="4"/>
      <c r="B51" s="68"/>
      <c r="C51" s="68"/>
      <c r="D51" s="68"/>
      <c r="E51" s="68"/>
      <c r="F51" s="67"/>
      <c r="G51" s="67"/>
      <c r="H51" s="67"/>
      <c r="I51" s="67"/>
      <c r="J51" s="67"/>
      <c r="K51" s="67"/>
      <c r="L51" s="67"/>
      <c r="M51" s="67"/>
      <c r="N51" s="67"/>
      <c r="O51" s="4"/>
      <c r="P51" s="4"/>
      <c r="Q51" s="4"/>
      <c r="R51" s="4"/>
      <c r="S51" s="68"/>
      <c r="T51" s="4"/>
    </row>
    <row r="52" spans="1:20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0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0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69"/>
      <c r="O54" s="4"/>
      <c r="P54" s="4"/>
      <c r="Q54" s="4"/>
      <c r="R54" s="4"/>
      <c r="S54" s="4"/>
      <c r="T54" s="4"/>
    </row>
    <row r="55" spans="1:20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0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0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0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0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0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0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0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0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0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9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187</v>
      </c>
      <c r="H84" s="8">
        <v>164</v>
      </c>
      <c r="I84" s="8">
        <v>126</v>
      </c>
      <c r="J84" s="8">
        <v>123</v>
      </c>
      <c r="K84" s="8">
        <v>117</v>
      </c>
      <c r="L84" s="8">
        <v>120</v>
      </c>
      <c r="M84" s="8">
        <v>114</v>
      </c>
      <c r="N84" s="21">
        <v>106</v>
      </c>
      <c r="O84" s="21">
        <v>93</v>
      </c>
      <c r="P84" s="21">
        <v>84</v>
      </c>
      <c r="Q84" s="21">
        <v>78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210</v>
      </c>
      <c r="H85" s="8">
        <v>196</v>
      </c>
      <c r="I85" s="8">
        <v>165</v>
      </c>
      <c r="J85" s="8">
        <v>163</v>
      </c>
      <c r="K85" s="8">
        <v>160</v>
      </c>
      <c r="L85" s="8">
        <v>142</v>
      </c>
      <c r="M85" s="8">
        <v>134</v>
      </c>
      <c r="N85" s="21">
        <v>131</v>
      </c>
      <c r="O85" s="21">
        <v>125</v>
      </c>
      <c r="P85" s="21">
        <v>121</v>
      </c>
      <c r="Q85" s="21">
        <v>118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177</v>
      </c>
      <c r="H86" s="8">
        <v>209</v>
      </c>
      <c r="I86" s="8">
        <v>201</v>
      </c>
      <c r="J86" s="8">
        <v>186</v>
      </c>
      <c r="K86" s="8">
        <v>180</v>
      </c>
      <c r="L86" s="8">
        <v>174</v>
      </c>
      <c r="M86" s="8">
        <v>171</v>
      </c>
      <c r="N86" s="21">
        <v>167</v>
      </c>
      <c r="O86" s="21">
        <v>161</v>
      </c>
      <c r="P86" s="21">
        <v>151</v>
      </c>
      <c r="Q86" s="21">
        <v>135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77</v>
      </c>
      <c r="H87" s="11">
        <v>173</v>
      </c>
      <c r="I87" s="11">
        <v>197</v>
      </c>
      <c r="J87" s="11">
        <v>208</v>
      </c>
      <c r="K87" s="11">
        <v>213</v>
      </c>
      <c r="L87" s="11">
        <v>206</v>
      </c>
      <c r="M87" s="11">
        <v>197</v>
      </c>
      <c r="N87" s="22">
        <v>192</v>
      </c>
      <c r="O87" s="22">
        <v>178</v>
      </c>
      <c r="P87" s="22">
        <v>169</v>
      </c>
      <c r="Q87" s="22">
        <v>172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204</v>
      </c>
      <c r="H88" s="11">
        <v>164</v>
      </c>
      <c r="I88" s="11">
        <v>153</v>
      </c>
      <c r="J88" s="11">
        <v>163</v>
      </c>
      <c r="K88" s="11">
        <v>168</v>
      </c>
      <c r="L88" s="11">
        <v>181</v>
      </c>
      <c r="M88" s="11">
        <v>187</v>
      </c>
      <c r="N88" s="22">
        <v>195</v>
      </c>
      <c r="O88" s="22">
        <v>183</v>
      </c>
      <c r="P88" s="22">
        <v>187</v>
      </c>
      <c r="Q88" s="22">
        <v>165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246</v>
      </c>
      <c r="H89" s="11">
        <v>194</v>
      </c>
      <c r="I89" s="11">
        <v>149</v>
      </c>
      <c r="J89" s="11">
        <v>147</v>
      </c>
      <c r="K89" s="11">
        <v>141</v>
      </c>
      <c r="L89" s="11">
        <v>132</v>
      </c>
      <c r="M89" s="11">
        <v>127</v>
      </c>
      <c r="N89" s="22">
        <v>135</v>
      </c>
      <c r="O89" s="22">
        <v>142</v>
      </c>
      <c r="P89" s="22">
        <v>146</v>
      </c>
      <c r="Q89" s="22">
        <v>156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290</v>
      </c>
      <c r="H90" s="11">
        <v>242</v>
      </c>
      <c r="I90" s="11">
        <v>199</v>
      </c>
      <c r="J90" s="11">
        <v>180</v>
      </c>
      <c r="K90" s="11">
        <v>176</v>
      </c>
      <c r="L90" s="11">
        <v>172</v>
      </c>
      <c r="M90" s="11">
        <v>148</v>
      </c>
      <c r="N90" s="22">
        <v>129</v>
      </c>
      <c r="O90" s="22">
        <v>130</v>
      </c>
      <c r="P90" s="22">
        <v>116</v>
      </c>
      <c r="Q90" s="22">
        <v>118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202</v>
      </c>
      <c r="H91" s="11">
        <v>292</v>
      </c>
      <c r="I91" s="11">
        <v>233</v>
      </c>
      <c r="J91" s="11">
        <v>233</v>
      </c>
      <c r="K91" s="11">
        <v>231</v>
      </c>
      <c r="L91" s="11">
        <v>213</v>
      </c>
      <c r="M91" s="11">
        <v>204</v>
      </c>
      <c r="N91" s="22">
        <v>203</v>
      </c>
      <c r="O91" s="22">
        <v>167</v>
      </c>
      <c r="P91" s="22">
        <v>151</v>
      </c>
      <c r="Q91" s="22">
        <v>137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222</v>
      </c>
      <c r="H92" s="11">
        <v>202</v>
      </c>
      <c r="I92" s="11">
        <v>285</v>
      </c>
      <c r="J92" s="11">
        <v>287</v>
      </c>
      <c r="K92" s="11">
        <v>287</v>
      </c>
      <c r="L92" s="11">
        <v>258</v>
      </c>
      <c r="M92" s="11">
        <v>256</v>
      </c>
      <c r="N92" s="22">
        <v>230</v>
      </c>
      <c r="O92" s="22">
        <v>226</v>
      </c>
      <c r="P92" s="22">
        <v>227</v>
      </c>
      <c r="Q92" s="22">
        <v>215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206</v>
      </c>
      <c r="H93" s="11">
        <v>221</v>
      </c>
      <c r="I93" s="11">
        <v>209</v>
      </c>
      <c r="J93" s="11">
        <v>228</v>
      </c>
      <c r="K93" s="11">
        <v>235</v>
      </c>
      <c r="L93" s="11">
        <v>280</v>
      </c>
      <c r="M93" s="11">
        <v>284</v>
      </c>
      <c r="N93" s="22">
        <v>294</v>
      </c>
      <c r="O93" s="22">
        <v>290</v>
      </c>
      <c r="P93" s="22">
        <v>278</v>
      </c>
      <c r="Q93" s="22">
        <v>256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268</v>
      </c>
      <c r="H94" s="11">
        <v>203</v>
      </c>
      <c r="I94" s="11">
        <v>219</v>
      </c>
      <c r="J94" s="11">
        <v>209</v>
      </c>
      <c r="K94" s="11">
        <v>206</v>
      </c>
      <c r="L94" s="11">
        <v>197</v>
      </c>
      <c r="M94" s="11">
        <v>200</v>
      </c>
      <c r="N94" s="22">
        <v>201</v>
      </c>
      <c r="O94" s="22">
        <v>226</v>
      </c>
      <c r="P94" s="22">
        <v>238</v>
      </c>
      <c r="Q94" s="22">
        <v>278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338</v>
      </c>
      <c r="H95" s="11">
        <v>273</v>
      </c>
      <c r="I95" s="11">
        <v>203</v>
      </c>
      <c r="J95" s="11">
        <v>207</v>
      </c>
      <c r="K95" s="11">
        <v>203</v>
      </c>
      <c r="L95" s="11">
        <v>209</v>
      </c>
      <c r="M95" s="11">
        <v>216</v>
      </c>
      <c r="N95" s="22">
        <v>216</v>
      </c>
      <c r="O95" s="22">
        <v>206</v>
      </c>
      <c r="P95" s="22">
        <v>206</v>
      </c>
      <c r="Q95" s="22">
        <v>196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213</v>
      </c>
      <c r="H96" s="11">
        <v>339</v>
      </c>
      <c r="I96" s="11">
        <v>270</v>
      </c>
      <c r="J96" s="11">
        <v>249</v>
      </c>
      <c r="K96" s="11">
        <v>239</v>
      </c>
      <c r="L96" s="11">
        <v>220</v>
      </c>
      <c r="M96" s="11">
        <v>200</v>
      </c>
      <c r="N96" s="22">
        <v>196</v>
      </c>
      <c r="O96" s="22">
        <v>209</v>
      </c>
      <c r="P96" s="22">
        <v>203</v>
      </c>
      <c r="Q96" s="22">
        <v>206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71</v>
      </c>
      <c r="H97" s="14">
        <v>207</v>
      </c>
      <c r="I97" s="14">
        <v>330</v>
      </c>
      <c r="J97" s="14">
        <v>347</v>
      </c>
      <c r="K97" s="14">
        <v>333</v>
      </c>
      <c r="L97" s="14">
        <v>311</v>
      </c>
      <c r="M97" s="14">
        <v>275</v>
      </c>
      <c r="N97" s="23">
        <v>260</v>
      </c>
      <c r="O97" s="23">
        <v>237</v>
      </c>
      <c r="P97" s="23">
        <v>233</v>
      </c>
      <c r="Q97" s="23">
        <v>219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190</v>
      </c>
      <c r="H98" s="14">
        <v>155</v>
      </c>
      <c r="I98" s="14">
        <v>197</v>
      </c>
      <c r="J98" s="14">
        <v>189</v>
      </c>
      <c r="K98" s="14">
        <v>209</v>
      </c>
      <c r="L98" s="14">
        <v>241</v>
      </c>
      <c r="M98" s="14">
        <v>274</v>
      </c>
      <c r="N98" s="23">
        <v>310</v>
      </c>
      <c r="O98" s="23">
        <v>332</v>
      </c>
      <c r="P98" s="23">
        <v>317</v>
      </c>
      <c r="Q98" s="23">
        <v>291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148</v>
      </c>
      <c r="H99" s="14">
        <v>160</v>
      </c>
      <c r="I99" s="14">
        <v>138</v>
      </c>
      <c r="J99" s="14">
        <v>135</v>
      </c>
      <c r="K99" s="14">
        <v>152</v>
      </c>
      <c r="L99" s="14">
        <v>164</v>
      </c>
      <c r="M99" s="14">
        <v>179</v>
      </c>
      <c r="N99" s="23">
        <v>180</v>
      </c>
      <c r="O99" s="23">
        <v>172</v>
      </c>
      <c r="P99" s="23">
        <v>192</v>
      </c>
      <c r="Q99" s="23">
        <v>224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83</v>
      </c>
      <c r="H100" s="14">
        <v>125</v>
      </c>
      <c r="I100" s="14">
        <v>125</v>
      </c>
      <c r="J100" s="14">
        <v>124</v>
      </c>
      <c r="K100" s="14">
        <v>119</v>
      </c>
      <c r="L100" s="14">
        <v>113</v>
      </c>
      <c r="M100" s="14">
        <v>109</v>
      </c>
      <c r="N100" s="23">
        <v>108</v>
      </c>
      <c r="O100" s="23">
        <v>115</v>
      </c>
      <c r="P100" s="23">
        <v>129</v>
      </c>
      <c r="Q100" s="23">
        <v>140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30</v>
      </c>
      <c r="H101" s="14">
        <v>43</v>
      </c>
      <c r="I101" s="14">
        <v>79</v>
      </c>
      <c r="J101" s="14">
        <v>78</v>
      </c>
      <c r="K101" s="14">
        <v>80</v>
      </c>
      <c r="L101" s="14">
        <v>79</v>
      </c>
      <c r="M101" s="14">
        <v>79</v>
      </c>
      <c r="N101" s="23">
        <v>80</v>
      </c>
      <c r="O101" s="23">
        <v>85</v>
      </c>
      <c r="P101" s="23">
        <v>76</v>
      </c>
      <c r="Q101" s="23">
        <v>79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8</v>
      </c>
      <c r="H102" s="14">
        <v>15</v>
      </c>
      <c r="I102" s="14">
        <v>16</v>
      </c>
      <c r="J102" s="14">
        <v>21</v>
      </c>
      <c r="K102" s="14">
        <v>28</v>
      </c>
      <c r="L102" s="14">
        <v>32</v>
      </c>
      <c r="M102" s="14">
        <v>35</v>
      </c>
      <c r="N102" s="23">
        <v>41</v>
      </c>
      <c r="O102" s="23">
        <v>37</v>
      </c>
      <c r="P102" s="23">
        <v>42</v>
      </c>
      <c r="Q102" s="23">
        <v>41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3</v>
      </c>
      <c r="H103" s="14">
        <v>5</v>
      </c>
      <c r="I103" s="14">
        <v>5</v>
      </c>
      <c r="J103" s="14">
        <v>6</v>
      </c>
      <c r="K103" s="14">
        <v>3</v>
      </c>
      <c r="L103" s="14">
        <v>4</v>
      </c>
      <c r="M103" s="14">
        <v>4</v>
      </c>
      <c r="N103" s="23">
        <v>2</v>
      </c>
      <c r="O103" s="23">
        <v>6</v>
      </c>
      <c r="P103" s="23">
        <v>8</v>
      </c>
      <c r="Q103" s="23">
        <v>9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2</v>
      </c>
      <c r="I104" s="14">
        <v>1</v>
      </c>
      <c r="J104" s="14">
        <v>1</v>
      </c>
      <c r="K104" s="14">
        <v>3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3573</v>
      </c>
      <c r="H105" s="17">
        <f t="shared" ref="H105:N105" si="10">SUM(H84:H104)</f>
        <v>3584</v>
      </c>
      <c r="I105" s="17">
        <f t="shared" si="10"/>
        <v>3500</v>
      </c>
      <c r="J105" s="17">
        <f t="shared" si="10"/>
        <v>3484</v>
      </c>
      <c r="K105" s="17">
        <f t="shared" si="10"/>
        <v>3483</v>
      </c>
      <c r="L105" s="17">
        <f t="shared" si="10"/>
        <v>3448</v>
      </c>
      <c r="M105" s="17">
        <f t="shared" si="10"/>
        <v>3393</v>
      </c>
      <c r="N105" s="17">
        <f t="shared" si="10"/>
        <v>3376</v>
      </c>
      <c r="O105" s="17">
        <f>SUM(O84:O104)</f>
        <v>3320</v>
      </c>
      <c r="P105" s="17">
        <f>SUM(P84:P104)</f>
        <v>3274</v>
      </c>
      <c r="Q105" s="17">
        <f>SUM(Q84:Q104)</f>
        <v>3233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574</v>
      </c>
      <c r="H110" s="8">
        <f t="shared" si="11"/>
        <v>569</v>
      </c>
      <c r="I110" s="8">
        <f t="shared" si="11"/>
        <v>492</v>
      </c>
      <c r="J110" s="8">
        <f t="shared" si="11"/>
        <v>472</v>
      </c>
      <c r="K110" s="8">
        <f t="shared" si="11"/>
        <v>457</v>
      </c>
      <c r="L110" s="8">
        <f t="shared" si="11"/>
        <v>436</v>
      </c>
      <c r="M110" s="8">
        <f t="shared" si="11"/>
        <v>419</v>
      </c>
      <c r="N110" s="8">
        <f t="shared" si="11"/>
        <v>404</v>
      </c>
      <c r="O110" s="8">
        <f t="shared" si="11"/>
        <v>379</v>
      </c>
      <c r="P110" s="8">
        <f t="shared" si="11"/>
        <v>356</v>
      </c>
      <c r="Q110" s="8">
        <v>331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2366</v>
      </c>
      <c r="H111" s="11">
        <f t="shared" si="12"/>
        <v>2303</v>
      </c>
      <c r="I111" s="11">
        <f t="shared" si="12"/>
        <v>2117</v>
      </c>
      <c r="J111" s="11">
        <f t="shared" si="12"/>
        <v>2111</v>
      </c>
      <c r="K111" s="11">
        <f t="shared" si="12"/>
        <v>2099</v>
      </c>
      <c r="L111" s="11">
        <f t="shared" si="12"/>
        <v>2068</v>
      </c>
      <c r="M111" s="11">
        <f t="shared" si="12"/>
        <v>2019</v>
      </c>
      <c r="N111" s="11">
        <f t="shared" si="12"/>
        <v>1991</v>
      </c>
      <c r="O111" s="11">
        <f t="shared" si="12"/>
        <v>1957</v>
      </c>
      <c r="P111" s="11">
        <f t="shared" si="12"/>
        <v>1921</v>
      </c>
      <c r="Q111" s="11">
        <v>1899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633</v>
      </c>
      <c r="H112" s="14">
        <f t="shared" si="13"/>
        <v>712</v>
      </c>
      <c r="I112" s="14">
        <f t="shared" si="13"/>
        <v>891</v>
      </c>
      <c r="J112" s="14">
        <f t="shared" si="13"/>
        <v>901</v>
      </c>
      <c r="K112" s="14">
        <f t="shared" si="13"/>
        <v>927</v>
      </c>
      <c r="L112" s="14">
        <f t="shared" si="13"/>
        <v>944</v>
      </c>
      <c r="M112" s="14">
        <f t="shared" si="13"/>
        <v>955</v>
      </c>
      <c r="N112" s="14">
        <f t="shared" si="13"/>
        <v>981</v>
      </c>
      <c r="O112" s="14">
        <f t="shared" si="13"/>
        <v>984</v>
      </c>
      <c r="P112" s="14">
        <f t="shared" si="13"/>
        <v>997</v>
      </c>
      <c r="Q112" s="14">
        <v>1003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3573</v>
      </c>
      <c r="H113" s="17">
        <f t="shared" ref="H113:N113" si="14">SUM(H110:H112)</f>
        <v>3584</v>
      </c>
      <c r="I113" s="17">
        <f t="shared" si="14"/>
        <v>3500</v>
      </c>
      <c r="J113" s="17">
        <f t="shared" si="14"/>
        <v>3484</v>
      </c>
      <c r="K113" s="17">
        <f t="shared" si="14"/>
        <v>3483</v>
      </c>
      <c r="L113" s="17">
        <f t="shared" si="14"/>
        <v>3448</v>
      </c>
      <c r="M113" s="17">
        <f t="shared" si="14"/>
        <v>3393</v>
      </c>
      <c r="N113" s="17">
        <f t="shared" si="14"/>
        <v>3376</v>
      </c>
      <c r="O113" s="17">
        <f>SUM(O110:O112)</f>
        <v>3320</v>
      </c>
      <c r="P113" s="17">
        <f>SUM(P110:P112)</f>
        <v>3274</v>
      </c>
      <c r="Q113" s="17">
        <f>SUM(Q110:Q112)</f>
        <v>3233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71" t="s">
        <v>7</v>
      </c>
      <c r="C118" s="71" t="s">
        <v>7</v>
      </c>
      <c r="D118" s="71" t="s">
        <v>7</v>
      </c>
      <c r="E118" s="71" t="s">
        <v>7</v>
      </c>
      <c r="F118" s="71" t="s">
        <v>7</v>
      </c>
      <c r="G118" s="72">
        <f t="shared" ref="G118:Q118" si="15">ROUND(G110/G113*100,1)</f>
        <v>16.100000000000001</v>
      </c>
      <c r="H118" s="72">
        <f t="shared" si="15"/>
        <v>15.9</v>
      </c>
      <c r="I118" s="72">
        <f t="shared" si="15"/>
        <v>14.1</v>
      </c>
      <c r="J118" s="72">
        <f t="shared" si="15"/>
        <v>13.5</v>
      </c>
      <c r="K118" s="72">
        <f t="shared" si="15"/>
        <v>13.1</v>
      </c>
      <c r="L118" s="72">
        <f t="shared" si="15"/>
        <v>12.6</v>
      </c>
      <c r="M118" s="72">
        <f t="shared" si="15"/>
        <v>12.3</v>
      </c>
      <c r="N118" s="72">
        <f t="shared" si="15"/>
        <v>12</v>
      </c>
      <c r="O118" s="72">
        <f t="shared" si="15"/>
        <v>11.4</v>
      </c>
      <c r="P118" s="72">
        <f t="shared" si="15"/>
        <v>10.9</v>
      </c>
      <c r="Q118" s="72">
        <f t="shared" si="15"/>
        <v>10.199999999999999</v>
      </c>
    </row>
    <row r="119" spans="1:17" ht="21.75" customHeight="1" x14ac:dyDescent="0.2">
      <c r="A119" s="9" t="s">
        <v>34</v>
      </c>
      <c r="B119" s="73" t="s">
        <v>7</v>
      </c>
      <c r="C119" s="73" t="s">
        <v>7</v>
      </c>
      <c r="D119" s="73" t="s">
        <v>7</v>
      </c>
      <c r="E119" s="73" t="s">
        <v>7</v>
      </c>
      <c r="F119" s="73" t="s">
        <v>7</v>
      </c>
      <c r="G119" s="74">
        <f t="shared" ref="G119:Q119" si="16">ROUND(G111/G113*100,1)</f>
        <v>66.2</v>
      </c>
      <c r="H119" s="74">
        <f t="shared" si="16"/>
        <v>64.3</v>
      </c>
      <c r="I119" s="74">
        <f t="shared" si="16"/>
        <v>60.5</v>
      </c>
      <c r="J119" s="74">
        <f t="shared" si="16"/>
        <v>60.6</v>
      </c>
      <c r="K119" s="74">
        <f t="shared" si="16"/>
        <v>60.3</v>
      </c>
      <c r="L119" s="74">
        <f t="shared" si="16"/>
        <v>60</v>
      </c>
      <c r="M119" s="74">
        <f t="shared" si="16"/>
        <v>59.5</v>
      </c>
      <c r="N119" s="74">
        <f t="shared" si="16"/>
        <v>59</v>
      </c>
      <c r="O119" s="74">
        <f t="shared" si="16"/>
        <v>58.9</v>
      </c>
      <c r="P119" s="74">
        <f t="shared" si="16"/>
        <v>58.7</v>
      </c>
      <c r="Q119" s="74">
        <f t="shared" si="16"/>
        <v>58.7</v>
      </c>
    </row>
    <row r="120" spans="1:17" ht="21.75" customHeight="1" x14ac:dyDescent="0.2">
      <c r="A120" s="12" t="s">
        <v>35</v>
      </c>
      <c r="B120" s="75" t="s">
        <v>7</v>
      </c>
      <c r="C120" s="75" t="s">
        <v>7</v>
      </c>
      <c r="D120" s="75" t="s">
        <v>7</v>
      </c>
      <c r="E120" s="75" t="s">
        <v>7</v>
      </c>
      <c r="F120" s="75" t="s">
        <v>7</v>
      </c>
      <c r="G120" s="76">
        <f t="shared" ref="G120:Q120" si="17">ROUND(G112/G113*100,1)</f>
        <v>17.7</v>
      </c>
      <c r="H120" s="76">
        <f t="shared" si="17"/>
        <v>19.899999999999999</v>
      </c>
      <c r="I120" s="76">
        <f t="shared" si="17"/>
        <v>25.5</v>
      </c>
      <c r="J120" s="76">
        <f t="shared" si="17"/>
        <v>25.9</v>
      </c>
      <c r="K120" s="76">
        <f t="shared" si="17"/>
        <v>26.6</v>
      </c>
      <c r="L120" s="76">
        <f t="shared" si="17"/>
        <v>27.4</v>
      </c>
      <c r="M120" s="76">
        <f t="shared" si="17"/>
        <v>28.1</v>
      </c>
      <c r="N120" s="76">
        <f t="shared" si="17"/>
        <v>29.1</v>
      </c>
      <c r="O120" s="76">
        <f t="shared" si="17"/>
        <v>29.6</v>
      </c>
      <c r="P120" s="76">
        <f t="shared" si="17"/>
        <v>30.5</v>
      </c>
      <c r="Q120" s="76">
        <f t="shared" si="17"/>
        <v>31</v>
      </c>
    </row>
    <row r="121" spans="1:17" ht="21.75" customHeight="1" x14ac:dyDescent="0.35">
      <c r="A121" s="5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5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5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5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5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5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0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90</v>
      </c>
      <c r="H130" s="8">
        <v>164</v>
      </c>
      <c r="I130" s="8">
        <v>113</v>
      </c>
      <c r="J130" s="8">
        <v>104</v>
      </c>
      <c r="K130" s="8">
        <v>114</v>
      </c>
      <c r="L130" s="8">
        <v>116</v>
      </c>
      <c r="M130" s="8">
        <v>115</v>
      </c>
      <c r="N130" s="21">
        <v>114</v>
      </c>
      <c r="O130" s="21">
        <v>111</v>
      </c>
      <c r="P130" s="21">
        <v>91</v>
      </c>
      <c r="Q130" s="21">
        <v>76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00</v>
      </c>
      <c r="H131" s="8">
        <v>192</v>
      </c>
      <c r="I131" s="8">
        <v>169</v>
      </c>
      <c r="J131" s="8">
        <v>161</v>
      </c>
      <c r="K131" s="8">
        <v>159</v>
      </c>
      <c r="L131" s="8">
        <v>144</v>
      </c>
      <c r="M131" s="8">
        <v>134</v>
      </c>
      <c r="N131" s="21">
        <v>114</v>
      </c>
      <c r="O131" s="21">
        <v>106</v>
      </c>
      <c r="P131" s="21">
        <v>111</v>
      </c>
      <c r="Q131" s="21">
        <v>118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164</v>
      </c>
      <c r="H132" s="8">
        <v>197</v>
      </c>
      <c r="I132" s="8">
        <v>186</v>
      </c>
      <c r="J132" s="8">
        <v>185</v>
      </c>
      <c r="K132" s="8">
        <v>174</v>
      </c>
      <c r="L132" s="8">
        <v>178</v>
      </c>
      <c r="M132" s="8">
        <v>168</v>
      </c>
      <c r="N132" s="21">
        <v>180</v>
      </c>
      <c r="O132" s="21">
        <v>171</v>
      </c>
      <c r="P132" s="21">
        <v>160</v>
      </c>
      <c r="Q132" s="21">
        <v>142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98</v>
      </c>
      <c r="H133" s="11">
        <v>157</v>
      </c>
      <c r="I133" s="11">
        <v>200</v>
      </c>
      <c r="J133" s="11">
        <v>200</v>
      </c>
      <c r="K133" s="11">
        <v>192</v>
      </c>
      <c r="L133" s="11">
        <v>192</v>
      </c>
      <c r="M133" s="11">
        <v>203</v>
      </c>
      <c r="N133" s="22">
        <v>182</v>
      </c>
      <c r="O133" s="22">
        <v>184</v>
      </c>
      <c r="P133" s="22">
        <v>172</v>
      </c>
      <c r="Q133" s="22">
        <v>181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72</v>
      </c>
      <c r="H134" s="11">
        <v>167</v>
      </c>
      <c r="I134" s="11">
        <v>148</v>
      </c>
      <c r="J134" s="11">
        <v>170</v>
      </c>
      <c r="K134" s="11">
        <v>175</v>
      </c>
      <c r="L134" s="11">
        <v>171</v>
      </c>
      <c r="M134" s="11">
        <v>181</v>
      </c>
      <c r="N134" s="22">
        <v>203</v>
      </c>
      <c r="O134" s="22">
        <v>198</v>
      </c>
      <c r="P134" s="22">
        <v>179</v>
      </c>
      <c r="Q134" s="22">
        <v>178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214</v>
      </c>
      <c r="H135" s="11">
        <v>163</v>
      </c>
      <c r="I135" s="11">
        <v>154</v>
      </c>
      <c r="J135" s="11">
        <v>142</v>
      </c>
      <c r="K135" s="11">
        <v>148</v>
      </c>
      <c r="L135" s="11">
        <v>139</v>
      </c>
      <c r="M135" s="11">
        <v>118</v>
      </c>
      <c r="N135" s="22">
        <v>119</v>
      </c>
      <c r="O135" s="22">
        <v>117</v>
      </c>
      <c r="P135" s="22">
        <v>114</v>
      </c>
      <c r="Q135" s="22">
        <v>118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286</v>
      </c>
      <c r="H136" s="11">
        <v>222</v>
      </c>
      <c r="I136" s="11">
        <v>186</v>
      </c>
      <c r="J136" s="11">
        <v>180</v>
      </c>
      <c r="K136" s="11">
        <v>165</v>
      </c>
      <c r="L136" s="11">
        <v>152</v>
      </c>
      <c r="M136" s="11">
        <v>136</v>
      </c>
      <c r="N136" s="22">
        <v>137</v>
      </c>
      <c r="O136" s="22">
        <v>119</v>
      </c>
      <c r="P136" s="22">
        <v>117</v>
      </c>
      <c r="Q136" s="22">
        <v>109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215</v>
      </c>
      <c r="H137" s="11">
        <v>281</v>
      </c>
      <c r="I137" s="11">
        <v>221</v>
      </c>
      <c r="J137" s="11">
        <v>206</v>
      </c>
      <c r="K137" s="11">
        <v>203</v>
      </c>
      <c r="L137" s="11">
        <v>202</v>
      </c>
      <c r="M137" s="11">
        <v>188</v>
      </c>
      <c r="N137" s="22">
        <v>183</v>
      </c>
      <c r="O137" s="22">
        <v>176</v>
      </c>
      <c r="P137" s="22">
        <v>150</v>
      </c>
      <c r="Q137" s="22">
        <v>136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194</v>
      </c>
      <c r="H138" s="11">
        <v>210</v>
      </c>
      <c r="I138" s="11">
        <v>287</v>
      </c>
      <c r="J138" s="11">
        <v>269</v>
      </c>
      <c r="K138" s="11">
        <v>268</v>
      </c>
      <c r="L138" s="11">
        <v>255</v>
      </c>
      <c r="M138" s="11">
        <v>253</v>
      </c>
      <c r="N138" s="22">
        <v>216</v>
      </c>
      <c r="O138" s="22">
        <v>196</v>
      </c>
      <c r="P138" s="22">
        <v>200</v>
      </c>
      <c r="Q138" s="22">
        <v>199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218</v>
      </c>
      <c r="H139" s="11">
        <v>196</v>
      </c>
      <c r="I139" s="11">
        <v>212</v>
      </c>
      <c r="J139" s="11">
        <v>248</v>
      </c>
      <c r="K139" s="11">
        <v>253</v>
      </c>
      <c r="L139" s="11">
        <v>258</v>
      </c>
      <c r="M139" s="11">
        <v>269</v>
      </c>
      <c r="N139" s="22">
        <v>285</v>
      </c>
      <c r="O139" s="22">
        <v>274</v>
      </c>
      <c r="P139" s="22">
        <v>263</v>
      </c>
      <c r="Q139" s="22">
        <v>251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286</v>
      </c>
      <c r="H140" s="11">
        <v>212</v>
      </c>
      <c r="I140" s="11">
        <v>198</v>
      </c>
      <c r="J140" s="11">
        <v>194</v>
      </c>
      <c r="K140" s="11">
        <v>194</v>
      </c>
      <c r="L140" s="11">
        <v>192</v>
      </c>
      <c r="M140" s="11">
        <v>188</v>
      </c>
      <c r="N140" s="22">
        <v>208</v>
      </c>
      <c r="O140" s="22">
        <v>239</v>
      </c>
      <c r="P140" s="22">
        <v>242</v>
      </c>
      <c r="Q140" s="22">
        <v>253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301</v>
      </c>
      <c r="H141" s="11">
        <v>286</v>
      </c>
      <c r="I141" s="11">
        <v>210</v>
      </c>
      <c r="J141" s="11">
        <v>200</v>
      </c>
      <c r="K141" s="11">
        <v>189</v>
      </c>
      <c r="L141" s="11">
        <v>197</v>
      </c>
      <c r="M141" s="11">
        <v>202</v>
      </c>
      <c r="N141" s="22">
        <v>191</v>
      </c>
      <c r="O141" s="22">
        <v>192</v>
      </c>
      <c r="P141" s="22">
        <v>194</v>
      </c>
      <c r="Q141" s="22">
        <v>189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91</v>
      </c>
      <c r="H142" s="11">
        <v>309</v>
      </c>
      <c r="I142" s="11">
        <v>290</v>
      </c>
      <c r="J142" s="11">
        <v>257</v>
      </c>
      <c r="K142" s="11">
        <v>237</v>
      </c>
      <c r="L142" s="11">
        <v>231</v>
      </c>
      <c r="M142" s="11">
        <v>224</v>
      </c>
      <c r="N142" s="22">
        <v>207</v>
      </c>
      <c r="O142" s="22">
        <v>190</v>
      </c>
      <c r="P142" s="22">
        <v>183</v>
      </c>
      <c r="Q142" s="22">
        <v>192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218</v>
      </c>
      <c r="H143" s="14">
        <v>188</v>
      </c>
      <c r="I143" s="14">
        <v>315</v>
      </c>
      <c r="J143" s="14">
        <v>358</v>
      </c>
      <c r="K143" s="14">
        <v>347</v>
      </c>
      <c r="L143" s="14">
        <v>343</v>
      </c>
      <c r="M143" s="14">
        <v>307</v>
      </c>
      <c r="N143" s="23">
        <v>289</v>
      </c>
      <c r="O143" s="23">
        <v>262</v>
      </c>
      <c r="P143" s="23">
        <v>236</v>
      </c>
      <c r="Q143" s="23">
        <v>228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223</v>
      </c>
      <c r="H144" s="14">
        <v>212</v>
      </c>
      <c r="I144" s="14">
        <v>184</v>
      </c>
      <c r="J144" s="14">
        <v>173</v>
      </c>
      <c r="K144" s="14">
        <v>211</v>
      </c>
      <c r="L144" s="14">
        <v>225</v>
      </c>
      <c r="M144" s="14">
        <v>276</v>
      </c>
      <c r="N144" s="23">
        <v>312</v>
      </c>
      <c r="O144" s="23">
        <v>353</v>
      </c>
      <c r="P144" s="23">
        <v>337</v>
      </c>
      <c r="Q144" s="23">
        <v>331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200</v>
      </c>
      <c r="H145" s="14">
        <v>215</v>
      </c>
      <c r="I145" s="14">
        <v>193</v>
      </c>
      <c r="J145" s="14">
        <v>193</v>
      </c>
      <c r="K145" s="14">
        <v>188</v>
      </c>
      <c r="L145" s="14">
        <v>175</v>
      </c>
      <c r="M145" s="14">
        <v>169</v>
      </c>
      <c r="N145" s="23">
        <v>171</v>
      </c>
      <c r="O145" s="23">
        <v>160</v>
      </c>
      <c r="P145" s="23">
        <v>204</v>
      </c>
      <c r="Q145" s="23">
        <v>218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129</v>
      </c>
      <c r="H146" s="14">
        <v>169</v>
      </c>
      <c r="I146" s="14">
        <v>199</v>
      </c>
      <c r="J146" s="14">
        <v>195</v>
      </c>
      <c r="K146" s="14">
        <v>186</v>
      </c>
      <c r="L146" s="14">
        <v>190</v>
      </c>
      <c r="M146" s="14">
        <v>174</v>
      </c>
      <c r="N146" s="23">
        <v>165</v>
      </c>
      <c r="O146" s="23">
        <v>170</v>
      </c>
      <c r="P146" s="23">
        <v>162</v>
      </c>
      <c r="Q146" s="23">
        <v>150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74</v>
      </c>
      <c r="H147" s="14">
        <v>95</v>
      </c>
      <c r="I147" s="14">
        <v>130</v>
      </c>
      <c r="J147" s="14">
        <v>143</v>
      </c>
      <c r="K147" s="14">
        <v>156</v>
      </c>
      <c r="L147" s="14">
        <v>161</v>
      </c>
      <c r="M147" s="14">
        <v>178</v>
      </c>
      <c r="N147" s="23">
        <v>167</v>
      </c>
      <c r="O147" s="23">
        <v>164</v>
      </c>
      <c r="P147" s="23">
        <v>155</v>
      </c>
      <c r="Q147" s="23">
        <v>161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44</v>
      </c>
      <c r="H148" s="14">
        <v>44</v>
      </c>
      <c r="I148" s="14">
        <v>60</v>
      </c>
      <c r="J148" s="14">
        <v>62</v>
      </c>
      <c r="K148" s="14">
        <v>60</v>
      </c>
      <c r="L148" s="14">
        <v>68</v>
      </c>
      <c r="M148" s="14">
        <v>77</v>
      </c>
      <c r="N148" s="23">
        <v>86</v>
      </c>
      <c r="O148" s="23">
        <v>94</v>
      </c>
      <c r="P148" s="23">
        <v>107</v>
      </c>
      <c r="Q148" s="23">
        <v>103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9</v>
      </c>
      <c r="H149" s="14">
        <v>12</v>
      </c>
      <c r="I149" s="14">
        <v>17</v>
      </c>
      <c r="J149" s="14">
        <v>15</v>
      </c>
      <c r="K149" s="14">
        <v>20</v>
      </c>
      <c r="L149" s="14">
        <v>25</v>
      </c>
      <c r="M149" s="14">
        <v>21</v>
      </c>
      <c r="N149" s="23">
        <v>22</v>
      </c>
      <c r="O149" s="23">
        <v>23</v>
      </c>
      <c r="P149" s="23">
        <v>26</v>
      </c>
      <c r="Q149" s="23">
        <v>23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2</v>
      </c>
      <c r="I150" s="14">
        <v>1</v>
      </c>
      <c r="J150" s="14">
        <v>4</v>
      </c>
      <c r="K150" s="14">
        <v>3</v>
      </c>
      <c r="L150" s="14">
        <v>0</v>
      </c>
      <c r="M150" s="14">
        <v>3</v>
      </c>
      <c r="N150" s="23">
        <v>3</v>
      </c>
      <c r="O150" s="23">
        <v>3</v>
      </c>
      <c r="P150" s="23">
        <v>3</v>
      </c>
      <c r="Q150" s="23">
        <v>2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3726</v>
      </c>
      <c r="H151" s="17">
        <f t="shared" ref="H151:N151" si="18">SUM(H130:H150)</f>
        <v>3693</v>
      </c>
      <c r="I151" s="17">
        <f t="shared" si="18"/>
        <v>3673</v>
      </c>
      <c r="J151" s="17">
        <f t="shared" si="18"/>
        <v>3659</v>
      </c>
      <c r="K151" s="17">
        <f t="shared" si="18"/>
        <v>3642</v>
      </c>
      <c r="L151" s="17">
        <f t="shared" si="18"/>
        <v>3614</v>
      </c>
      <c r="M151" s="17">
        <f t="shared" si="18"/>
        <v>3584</v>
      </c>
      <c r="N151" s="17">
        <f t="shared" si="18"/>
        <v>3554</v>
      </c>
      <c r="O151" s="17">
        <f>SUM(O130:O150)</f>
        <v>3502</v>
      </c>
      <c r="P151" s="17">
        <f>SUM(P130:P150)</f>
        <v>3406</v>
      </c>
      <c r="Q151" s="17">
        <f>SUM(Q130:Q150)</f>
        <v>3358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554</v>
      </c>
      <c r="H156" s="8">
        <f t="shared" si="19"/>
        <v>553</v>
      </c>
      <c r="I156" s="8">
        <f t="shared" si="19"/>
        <v>468</v>
      </c>
      <c r="J156" s="8">
        <f t="shared" si="19"/>
        <v>450</v>
      </c>
      <c r="K156" s="8">
        <f t="shared" si="19"/>
        <v>447</v>
      </c>
      <c r="L156" s="8">
        <f t="shared" si="19"/>
        <v>438</v>
      </c>
      <c r="M156" s="8">
        <f t="shared" si="19"/>
        <v>417</v>
      </c>
      <c r="N156" s="8">
        <f t="shared" si="19"/>
        <v>408</v>
      </c>
      <c r="O156" s="8">
        <f t="shared" si="19"/>
        <v>388</v>
      </c>
      <c r="P156" s="8">
        <f t="shared" si="19"/>
        <v>362</v>
      </c>
      <c r="Q156" s="8">
        <v>336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2275</v>
      </c>
      <c r="H157" s="11">
        <f t="shared" si="20"/>
        <v>2203</v>
      </c>
      <c r="I157" s="11">
        <f t="shared" si="20"/>
        <v>2106</v>
      </c>
      <c r="J157" s="11">
        <f t="shared" si="20"/>
        <v>2066</v>
      </c>
      <c r="K157" s="11">
        <f t="shared" si="20"/>
        <v>2024</v>
      </c>
      <c r="L157" s="11">
        <f t="shared" si="20"/>
        <v>1989</v>
      </c>
      <c r="M157" s="11">
        <f t="shared" si="20"/>
        <v>1962</v>
      </c>
      <c r="N157" s="11">
        <f t="shared" si="20"/>
        <v>1931</v>
      </c>
      <c r="O157" s="11">
        <f t="shared" si="20"/>
        <v>1885</v>
      </c>
      <c r="P157" s="11">
        <f t="shared" si="20"/>
        <v>1814</v>
      </c>
      <c r="Q157" s="11">
        <v>1806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897</v>
      </c>
      <c r="H158" s="14">
        <f t="shared" si="21"/>
        <v>937</v>
      </c>
      <c r="I158" s="14">
        <f t="shared" si="21"/>
        <v>1099</v>
      </c>
      <c r="J158" s="14">
        <f t="shared" si="21"/>
        <v>1143</v>
      </c>
      <c r="K158" s="14">
        <f t="shared" si="21"/>
        <v>1171</v>
      </c>
      <c r="L158" s="14">
        <f t="shared" si="21"/>
        <v>1187</v>
      </c>
      <c r="M158" s="14">
        <f t="shared" si="21"/>
        <v>1205</v>
      </c>
      <c r="N158" s="14">
        <f t="shared" si="21"/>
        <v>1215</v>
      </c>
      <c r="O158" s="14">
        <f t="shared" si="21"/>
        <v>1229</v>
      </c>
      <c r="P158" s="14">
        <f t="shared" si="21"/>
        <v>1230</v>
      </c>
      <c r="Q158" s="14">
        <v>1216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3726</v>
      </c>
      <c r="H159" s="17">
        <f t="shared" ref="H159:N159" si="22">SUM(H156:H158)</f>
        <v>3693</v>
      </c>
      <c r="I159" s="17">
        <f t="shared" si="22"/>
        <v>3673</v>
      </c>
      <c r="J159" s="17">
        <f t="shared" si="22"/>
        <v>3659</v>
      </c>
      <c r="K159" s="17">
        <f t="shared" si="22"/>
        <v>3642</v>
      </c>
      <c r="L159" s="17">
        <f t="shared" si="22"/>
        <v>3614</v>
      </c>
      <c r="M159" s="17">
        <f t="shared" si="22"/>
        <v>3584</v>
      </c>
      <c r="N159" s="17">
        <f t="shared" si="22"/>
        <v>3554</v>
      </c>
      <c r="O159" s="17">
        <f>SUM(O156:O158)</f>
        <v>3502</v>
      </c>
      <c r="P159" s="17">
        <f>SUM(P156:P158)</f>
        <v>3406</v>
      </c>
      <c r="Q159" s="17">
        <f>SUM(Q156:Q158)</f>
        <v>3358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71" t="s">
        <v>7</v>
      </c>
      <c r="C164" s="71" t="s">
        <v>7</v>
      </c>
      <c r="D164" s="71" t="s">
        <v>7</v>
      </c>
      <c r="E164" s="71" t="s">
        <v>7</v>
      </c>
      <c r="F164" s="71" t="s">
        <v>7</v>
      </c>
      <c r="G164" s="72">
        <f t="shared" ref="G164:Q164" si="23">ROUND(G156/G159*100,1)</f>
        <v>14.9</v>
      </c>
      <c r="H164" s="72">
        <f t="shared" si="23"/>
        <v>15</v>
      </c>
      <c r="I164" s="72">
        <f t="shared" si="23"/>
        <v>12.7</v>
      </c>
      <c r="J164" s="72">
        <f t="shared" si="23"/>
        <v>12.3</v>
      </c>
      <c r="K164" s="72">
        <f t="shared" si="23"/>
        <v>12.3</v>
      </c>
      <c r="L164" s="72">
        <f t="shared" si="23"/>
        <v>12.1</v>
      </c>
      <c r="M164" s="72">
        <f t="shared" si="23"/>
        <v>11.6</v>
      </c>
      <c r="N164" s="72">
        <f t="shared" si="23"/>
        <v>11.5</v>
      </c>
      <c r="O164" s="72">
        <f t="shared" si="23"/>
        <v>11.1</v>
      </c>
      <c r="P164" s="72">
        <f t="shared" si="23"/>
        <v>10.6</v>
      </c>
      <c r="Q164" s="72">
        <f t="shared" si="23"/>
        <v>10</v>
      </c>
    </row>
    <row r="165" spans="1:20" ht="21.75" customHeight="1" x14ac:dyDescent="0.2">
      <c r="A165" s="9" t="s">
        <v>34</v>
      </c>
      <c r="B165" s="73" t="s">
        <v>7</v>
      </c>
      <c r="C165" s="73" t="s">
        <v>7</v>
      </c>
      <c r="D165" s="73" t="s">
        <v>7</v>
      </c>
      <c r="E165" s="73" t="s">
        <v>7</v>
      </c>
      <c r="F165" s="73" t="s">
        <v>7</v>
      </c>
      <c r="G165" s="74">
        <f t="shared" ref="G165:Q165" si="24">ROUND(G157/G159*100,1)</f>
        <v>61.1</v>
      </c>
      <c r="H165" s="74">
        <f t="shared" si="24"/>
        <v>59.7</v>
      </c>
      <c r="I165" s="74">
        <f t="shared" si="24"/>
        <v>57.3</v>
      </c>
      <c r="J165" s="74">
        <f t="shared" si="24"/>
        <v>56.5</v>
      </c>
      <c r="K165" s="74">
        <f t="shared" si="24"/>
        <v>55.6</v>
      </c>
      <c r="L165" s="74">
        <f t="shared" si="24"/>
        <v>55</v>
      </c>
      <c r="M165" s="74">
        <f t="shared" si="24"/>
        <v>54.7</v>
      </c>
      <c r="N165" s="74">
        <f t="shared" si="24"/>
        <v>54.3</v>
      </c>
      <c r="O165" s="74">
        <f t="shared" si="24"/>
        <v>53.8</v>
      </c>
      <c r="P165" s="74">
        <f t="shared" si="24"/>
        <v>53.3</v>
      </c>
      <c r="Q165" s="74">
        <f t="shared" si="24"/>
        <v>53.8</v>
      </c>
    </row>
    <row r="166" spans="1:20" ht="21.75" customHeight="1" x14ac:dyDescent="0.2">
      <c r="A166" s="12" t="s">
        <v>35</v>
      </c>
      <c r="B166" s="75" t="s">
        <v>7</v>
      </c>
      <c r="C166" s="75" t="s">
        <v>7</v>
      </c>
      <c r="D166" s="75" t="s">
        <v>7</v>
      </c>
      <c r="E166" s="75" t="s">
        <v>7</v>
      </c>
      <c r="F166" s="75" t="s">
        <v>7</v>
      </c>
      <c r="G166" s="76">
        <f t="shared" ref="G166:Q166" si="25">ROUND(G158/G159*100,1)</f>
        <v>24.1</v>
      </c>
      <c r="H166" s="76">
        <f t="shared" si="25"/>
        <v>25.4</v>
      </c>
      <c r="I166" s="76">
        <f t="shared" si="25"/>
        <v>29.9</v>
      </c>
      <c r="J166" s="76">
        <f t="shared" si="25"/>
        <v>31.2</v>
      </c>
      <c r="K166" s="76">
        <f t="shared" si="25"/>
        <v>32.200000000000003</v>
      </c>
      <c r="L166" s="76">
        <f t="shared" si="25"/>
        <v>32.799999999999997</v>
      </c>
      <c r="M166" s="76">
        <f t="shared" si="25"/>
        <v>33.6</v>
      </c>
      <c r="N166" s="76">
        <f t="shared" si="25"/>
        <v>34.200000000000003</v>
      </c>
      <c r="O166" s="76">
        <f t="shared" si="25"/>
        <v>35.1</v>
      </c>
      <c r="P166" s="76">
        <f t="shared" si="25"/>
        <v>36.1</v>
      </c>
      <c r="Q166" s="76">
        <f t="shared" si="25"/>
        <v>36.200000000000003</v>
      </c>
    </row>
    <row r="167" spans="1:20" ht="21.75" customHeight="1" x14ac:dyDescent="0.2">
      <c r="A167" s="5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66"/>
      <c r="B168" s="66"/>
      <c r="C168" s="66"/>
      <c r="D168" s="66"/>
      <c r="E168" s="66"/>
      <c r="F168" s="66"/>
      <c r="G168" s="66"/>
      <c r="H168" s="66"/>
      <c r="I168" s="66"/>
      <c r="J168" s="66"/>
      <c r="K168" s="66"/>
      <c r="L168" s="66"/>
      <c r="M168" s="66"/>
      <c r="N168" s="66"/>
      <c r="O168" s="66"/>
      <c r="P168" s="66"/>
      <c r="Q168" s="66"/>
      <c r="R168" s="66"/>
      <c r="S168" s="66"/>
      <c r="T168" s="6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2DC44D-72D6-4860-BC57-694399AD9755}">
  <sheetPr codeName="Sheet70"/>
  <dimension ref="A1:T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51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44</v>
      </c>
      <c r="H5" s="8">
        <f t="shared" si="0"/>
        <v>20</v>
      </c>
      <c r="I5" s="8">
        <f t="shared" si="0"/>
        <v>20</v>
      </c>
      <c r="J5" s="8">
        <f t="shared" si="0"/>
        <v>21</v>
      </c>
      <c r="K5" s="8">
        <f t="shared" si="0"/>
        <v>21</v>
      </c>
      <c r="L5" s="8">
        <f t="shared" si="0"/>
        <v>20</v>
      </c>
      <c r="M5" s="8">
        <f t="shared" si="0"/>
        <v>19</v>
      </c>
      <c r="N5" s="8">
        <f t="shared" si="0"/>
        <v>16</v>
      </c>
      <c r="O5" s="8">
        <f t="shared" si="0"/>
        <v>11</v>
      </c>
      <c r="P5" s="8">
        <f t="shared" si="0"/>
        <v>10</v>
      </c>
      <c r="Q5" s="8">
        <f t="shared" si="0"/>
        <v>9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28</v>
      </c>
      <c r="H6" s="8">
        <f t="shared" si="0"/>
        <v>36</v>
      </c>
      <c r="I6" s="8">
        <f t="shared" si="0"/>
        <v>25</v>
      </c>
      <c r="J6" s="8">
        <f t="shared" si="0"/>
        <v>26</v>
      </c>
      <c r="K6" s="8">
        <f t="shared" si="0"/>
        <v>26</v>
      </c>
      <c r="L6" s="8">
        <f t="shared" si="0"/>
        <v>26</v>
      </c>
      <c r="M6" s="8">
        <f t="shared" si="0"/>
        <v>27</v>
      </c>
      <c r="N6" s="8">
        <f t="shared" si="0"/>
        <v>27</v>
      </c>
      <c r="O6" s="8">
        <f t="shared" si="0"/>
        <v>23</v>
      </c>
      <c r="P6" s="8">
        <f t="shared" si="0"/>
        <v>25</v>
      </c>
      <c r="Q6" s="8">
        <f t="shared" si="0"/>
        <v>20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48</v>
      </c>
      <c r="H7" s="8">
        <f t="shared" si="0"/>
        <v>27</v>
      </c>
      <c r="I7" s="8">
        <f t="shared" si="0"/>
        <v>35</v>
      </c>
      <c r="J7" s="8">
        <f t="shared" si="0"/>
        <v>31</v>
      </c>
      <c r="K7" s="8">
        <f t="shared" si="0"/>
        <v>27</v>
      </c>
      <c r="L7" s="8">
        <f t="shared" si="0"/>
        <v>30</v>
      </c>
      <c r="M7" s="8">
        <f t="shared" si="0"/>
        <v>31</v>
      </c>
      <c r="N7" s="8">
        <f t="shared" si="0"/>
        <v>25</v>
      </c>
      <c r="O7" s="8">
        <f t="shared" si="0"/>
        <v>27</v>
      </c>
      <c r="P7" s="8">
        <f t="shared" si="0"/>
        <v>24</v>
      </c>
      <c r="Q7" s="8">
        <f t="shared" si="0"/>
        <v>24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56</v>
      </c>
      <c r="H8" s="11">
        <f t="shared" si="0"/>
        <v>46</v>
      </c>
      <c r="I8" s="11">
        <f t="shared" si="0"/>
        <v>25</v>
      </c>
      <c r="J8" s="11">
        <f t="shared" si="0"/>
        <v>33</v>
      </c>
      <c r="K8" s="11">
        <f t="shared" si="0"/>
        <v>33</v>
      </c>
      <c r="L8" s="11">
        <f t="shared" si="0"/>
        <v>34</v>
      </c>
      <c r="M8" s="11">
        <f t="shared" si="0"/>
        <v>35</v>
      </c>
      <c r="N8" s="11">
        <f t="shared" si="0"/>
        <v>38</v>
      </c>
      <c r="O8" s="11">
        <f t="shared" si="0"/>
        <v>33</v>
      </c>
      <c r="P8" s="11">
        <f t="shared" si="0"/>
        <v>31</v>
      </c>
      <c r="Q8" s="11">
        <f t="shared" si="0"/>
        <v>30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56</v>
      </c>
      <c r="H9" s="11">
        <f t="shared" si="0"/>
        <v>49</v>
      </c>
      <c r="I9" s="11">
        <f t="shared" si="0"/>
        <v>38</v>
      </c>
      <c r="J9" s="11">
        <f t="shared" si="0"/>
        <v>31</v>
      </c>
      <c r="K9" s="11">
        <f t="shared" si="0"/>
        <v>28</v>
      </c>
      <c r="L9" s="11">
        <f t="shared" si="0"/>
        <v>27</v>
      </c>
      <c r="M9" s="11">
        <f t="shared" si="0"/>
        <v>23</v>
      </c>
      <c r="N9" s="11">
        <f t="shared" si="0"/>
        <v>19</v>
      </c>
      <c r="O9" s="11">
        <f t="shared" si="0"/>
        <v>24</v>
      </c>
      <c r="P9" s="11">
        <f t="shared" si="0"/>
        <v>28</v>
      </c>
      <c r="Q9" s="11">
        <f t="shared" si="0"/>
        <v>30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49</v>
      </c>
      <c r="H10" s="11">
        <f t="shared" si="0"/>
        <v>38</v>
      </c>
      <c r="I10" s="11">
        <f t="shared" si="0"/>
        <v>35</v>
      </c>
      <c r="J10" s="11">
        <f t="shared" si="0"/>
        <v>34</v>
      </c>
      <c r="K10" s="11">
        <f t="shared" si="0"/>
        <v>30</v>
      </c>
      <c r="L10" s="11">
        <f t="shared" si="0"/>
        <v>27</v>
      </c>
      <c r="M10" s="11">
        <f t="shared" si="0"/>
        <v>26</v>
      </c>
      <c r="N10" s="11">
        <f t="shared" si="0"/>
        <v>24</v>
      </c>
      <c r="O10" s="11">
        <f t="shared" si="0"/>
        <v>19</v>
      </c>
      <c r="P10" s="11">
        <f t="shared" si="0"/>
        <v>17</v>
      </c>
      <c r="Q10" s="11">
        <f t="shared" si="0"/>
        <v>10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52</v>
      </c>
      <c r="H11" s="11">
        <f t="shared" si="0"/>
        <v>34</v>
      </c>
      <c r="I11" s="11">
        <f t="shared" si="0"/>
        <v>28</v>
      </c>
      <c r="J11" s="11">
        <f t="shared" si="0"/>
        <v>31</v>
      </c>
      <c r="K11" s="11">
        <f t="shared" si="0"/>
        <v>31</v>
      </c>
      <c r="L11" s="11">
        <f t="shared" si="0"/>
        <v>29</v>
      </c>
      <c r="M11" s="11">
        <f t="shared" si="0"/>
        <v>31</v>
      </c>
      <c r="N11" s="11">
        <f t="shared" si="0"/>
        <v>29</v>
      </c>
      <c r="O11" s="11">
        <f t="shared" si="0"/>
        <v>24</v>
      </c>
      <c r="P11" s="11">
        <f t="shared" si="0"/>
        <v>18</v>
      </c>
      <c r="Q11" s="11">
        <f t="shared" si="0"/>
        <v>22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47</v>
      </c>
      <c r="H12" s="11">
        <f t="shared" si="0"/>
        <v>47</v>
      </c>
      <c r="I12" s="11">
        <f t="shared" si="0"/>
        <v>36</v>
      </c>
      <c r="J12" s="11">
        <f t="shared" si="0"/>
        <v>35</v>
      </c>
      <c r="K12" s="11">
        <f t="shared" si="0"/>
        <v>34</v>
      </c>
      <c r="L12" s="11">
        <f t="shared" si="0"/>
        <v>30</v>
      </c>
      <c r="M12" s="11">
        <f t="shared" si="0"/>
        <v>28</v>
      </c>
      <c r="N12" s="11">
        <f t="shared" si="0"/>
        <v>24</v>
      </c>
      <c r="O12" s="11">
        <f t="shared" si="0"/>
        <v>22</v>
      </c>
      <c r="P12" s="11">
        <f t="shared" si="0"/>
        <v>25</v>
      </c>
      <c r="Q12" s="11">
        <f t="shared" si="0"/>
        <v>23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50</v>
      </c>
      <c r="H13" s="11">
        <f t="shared" si="0"/>
        <v>48</v>
      </c>
      <c r="I13" s="11">
        <f t="shared" si="0"/>
        <v>50</v>
      </c>
      <c r="J13" s="11">
        <f t="shared" si="0"/>
        <v>50</v>
      </c>
      <c r="K13" s="11">
        <f t="shared" si="0"/>
        <v>33</v>
      </c>
      <c r="L13" s="11">
        <f t="shared" si="0"/>
        <v>35</v>
      </c>
      <c r="M13" s="11">
        <f t="shared" si="0"/>
        <v>37</v>
      </c>
      <c r="N13" s="11">
        <f t="shared" si="0"/>
        <v>35</v>
      </c>
      <c r="O13" s="11">
        <f t="shared" si="0"/>
        <v>34</v>
      </c>
      <c r="P13" s="11">
        <f t="shared" si="0"/>
        <v>33</v>
      </c>
      <c r="Q13" s="11">
        <f t="shared" si="0"/>
        <v>28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63</v>
      </c>
      <c r="H14" s="11">
        <f t="shared" si="0"/>
        <v>49</v>
      </c>
      <c r="I14" s="11">
        <f t="shared" si="0"/>
        <v>50</v>
      </c>
      <c r="J14" s="11">
        <f t="shared" si="0"/>
        <v>51</v>
      </c>
      <c r="K14" s="11">
        <f t="shared" si="0"/>
        <v>60</v>
      </c>
      <c r="L14" s="11">
        <f t="shared" si="0"/>
        <v>62</v>
      </c>
      <c r="M14" s="11">
        <f t="shared" si="0"/>
        <v>52</v>
      </c>
      <c r="N14" s="11">
        <f t="shared" si="0"/>
        <v>49</v>
      </c>
      <c r="O14" s="11">
        <f t="shared" si="0"/>
        <v>49</v>
      </c>
      <c r="P14" s="11">
        <f t="shared" si="0"/>
        <v>34</v>
      </c>
      <c r="Q14" s="11">
        <f t="shared" si="0"/>
        <v>33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92</v>
      </c>
      <c r="H15" s="11">
        <f t="shared" si="0"/>
        <v>64</v>
      </c>
      <c r="I15" s="11">
        <f t="shared" si="0"/>
        <v>47</v>
      </c>
      <c r="J15" s="11">
        <f t="shared" si="0"/>
        <v>45</v>
      </c>
      <c r="K15" s="11">
        <f t="shared" si="0"/>
        <v>40</v>
      </c>
      <c r="L15" s="11">
        <f t="shared" si="0"/>
        <v>41</v>
      </c>
      <c r="M15" s="11">
        <f t="shared" si="0"/>
        <v>45</v>
      </c>
      <c r="N15" s="11">
        <f t="shared" si="0"/>
        <v>50</v>
      </c>
      <c r="O15" s="11">
        <f t="shared" si="0"/>
        <v>51</v>
      </c>
      <c r="P15" s="11">
        <f t="shared" si="0"/>
        <v>60</v>
      </c>
      <c r="Q15" s="11">
        <f t="shared" si="0"/>
        <v>61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00</v>
      </c>
      <c r="H16" s="11">
        <f t="shared" si="0"/>
        <v>91</v>
      </c>
      <c r="I16" s="11">
        <f t="shared" si="0"/>
        <v>63</v>
      </c>
      <c r="J16" s="11">
        <f t="shared" si="0"/>
        <v>58</v>
      </c>
      <c r="K16" s="11">
        <f t="shared" si="0"/>
        <v>60</v>
      </c>
      <c r="L16" s="11">
        <f t="shared" si="0"/>
        <v>56</v>
      </c>
      <c r="M16" s="11">
        <f t="shared" si="0"/>
        <v>52</v>
      </c>
      <c r="N16" s="11">
        <f t="shared" si="0"/>
        <v>48</v>
      </c>
      <c r="O16" s="11">
        <f t="shared" si="0"/>
        <v>45</v>
      </c>
      <c r="P16" s="11">
        <f t="shared" si="0"/>
        <v>40</v>
      </c>
      <c r="Q16" s="11">
        <f t="shared" si="0"/>
        <v>39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63</v>
      </c>
      <c r="H17" s="11">
        <f t="shared" si="0"/>
        <v>95</v>
      </c>
      <c r="I17" s="11">
        <f t="shared" si="0"/>
        <v>89</v>
      </c>
      <c r="J17" s="11">
        <f t="shared" si="0"/>
        <v>89</v>
      </c>
      <c r="K17" s="11">
        <f t="shared" si="0"/>
        <v>86</v>
      </c>
      <c r="L17" s="11">
        <f t="shared" si="0"/>
        <v>80</v>
      </c>
      <c r="M17" s="11">
        <f t="shared" si="0"/>
        <v>73</v>
      </c>
      <c r="N17" s="11">
        <f t="shared" si="0"/>
        <v>65</v>
      </c>
      <c r="O17" s="11">
        <f t="shared" si="0"/>
        <v>60</v>
      </c>
      <c r="P17" s="11">
        <f t="shared" si="0"/>
        <v>60</v>
      </c>
      <c r="Q17" s="11">
        <f t="shared" si="0"/>
        <v>55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66</v>
      </c>
      <c r="H18" s="14">
        <f t="shared" si="0"/>
        <v>64</v>
      </c>
      <c r="I18" s="14">
        <f t="shared" si="0"/>
        <v>90</v>
      </c>
      <c r="J18" s="14">
        <f t="shared" si="0"/>
        <v>94</v>
      </c>
      <c r="K18" s="14">
        <f t="shared" si="0"/>
        <v>84</v>
      </c>
      <c r="L18" s="14">
        <f t="shared" si="0"/>
        <v>82</v>
      </c>
      <c r="M18" s="14">
        <f t="shared" si="0"/>
        <v>82</v>
      </c>
      <c r="N18" s="14">
        <f t="shared" si="0"/>
        <v>81</v>
      </c>
      <c r="O18" s="14">
        <f t="shared" si="0"/>
        <v>84</v>
      </c>
      <c r="P18" s="14">
        <f t="shared" si="0"/>
        <v>85</v>
      </c>
      <c r="Q18" s="14">
        <f t="shared" si="0"/>
        <v>79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86</v>
      </c>
      <c r="H19" s="14">
        <f t="shared" si="0"/>
        <v>59</v>
      </c>
      <c r="I19" s="14">
        <f t="shared" si="0"/>
        <v>59</v>
      </c>
      <c r="J19" s="14">
        <f t="shared" si="0"/>
        <v>60</v>
      </c>
      <c r="K19" s="14">
        <f t="shared" si="0"/>
        <v>69</v>
      </c>
      <c r="L19" s="14">
        <f t="shared" si="0"/>
        <v>74</v>
      </c>
      <c r="M19" s="14">
        <f t="shared" si="0"/>
        <v>76</v>
      </c>
      <c r="N19" s="14">
        <f t="shared" si="0"/>
        <v>85</v>
      </c>
      <c r="O19" s="14">
        <f t="shared" si="0"/>
        <v>85</v>
      </c>
      <c r="P19" s="14">
        <f t="shared" si="0"/>
        <v>76</v>
      </c>
      <c r="Q19" s="14">
        <f t="shared" si="0"/>
        <v>79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77</v>
      </c>
      <c r="H20" s="14">
        <f t="shared" si="0"/>
        <v>76</v>
      </c>
      <c r="I20" s="14">
        <f t="shared" si="0"/>
        <v>47</v>
      </c>
      <c r="J20" s="14">
        <f t="shared" si="0"/>
        <v>48</v>
      </c>
      <c r="K20" s="14">
        <f t="shared" si="0"/>
        <v>49</v>
      </c>
      <c r="L20" s="14">
        <f t="shared" si="0"/>
        <v>47</v>
      </c>
      <c r="M20" s="14">
        <f t="shared" si="0"/>
        <v>57</v>
      </c>
      <c r="N20" s="14">
        <f t="shared" si="0"/>
        <v>57</v>
      </c>
      <c r="O20" s="14">
        <f t="shared" si="0"/>
        <v>58</v>
      </c>
      <c r="P20" s="14">
        <f t="shared" si="0"/>
        <v>67</v>
      </c>
      <c r="Q20" s="14">
        <f t="shared" si="0"/>
        <v>70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47</v>
      </c>
      <c r="H21" s="14">
        <f t="shared" si="1"/>
        <v>69</v>
      </c>
      <c r="I21" s="14">
        <f t="shared" si="1"/>
        <v>66</v>
      </c>
      <c r="J21" s="14">
        <f t="shared" si="1"/>
        <v>61</v>
      </c>
      <c r="K21" s="14">
        <f t="shared" si="1"/>
        <v>52</v>
      </c>
      <c r="L21" s="14">
        <f t="shared" si="1"/>
        <v>55</v>
      </c>
      <c r="M21" s="14">
        <f t="shared" si="1"/>
        <v>46</v>
      </c>
      <c r="N21" s="14">
        <f t="shared" si="1"/>
        <v>42</v>
      </c>
      <c r="O21" s="14">
        <f t="shared" si="1"/>
        <v>39</v>
      </c>
      <c r="P21" s="14">
        <f t="shared" si="1"/>
        <v>39</v>
      </c>
      <c r="Q21" s="14">
        <f t="shared" si="1"/>
        <v>41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17</v>
      </c>
      <c r="H22" s="14">
        <f t="shared" si="1"/>
        <v>35</v>
      </c>
      <c r="I22" s="14">
        <f t="shared" si="1"/>
        <v>46</v>
      </c>
      <c r="J22" s="14">
        <f t="shared" si="1"/>
        <v>45</v>
      </c>
      <c r="K22" s="14">
        <f t="shared" si="1"/>
        <v>48</v>
      </c>
      <c r="L22" s="14">
        <f t="shared" si="1"/>
        <v>47</v>
      </c>
      <c r="M22" s="14">
        <f t="shared" si="1"/>
        <v>51</v>
      </c>
      <c r="N22" s="14">
        <f t="shared" si="1"/>
        <v>51</v>
      </c>
      <c r="O22" s="14">
        <f t="shared" si="1"/>
        <v>47</v>
      </c>
      <c r="P22" s="14">
        <f t="shared" si="1"/>
        <v>42</v>
      </c>
      <c r="Q22" s="14">
        <f t="shared" si="1"/>
        <v>41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9</v>
      </c>
      <c r="H23" s="14">
        <f t="shared" si="1"/>
        <v>10</v>
      </c>
      <c r="I23" s="14">
        <f t="shared" si="1"/>
        <v>22</v>
      </c>
      <c r="J23" s="14">
        <f t="shared" si="1"/>
        <v>21</v>
      </c>
      <c r="K23" s="14">
        <f t="shared" si="1"/>
        <v>22</v>
      </c>
      <c r="L23" s="14">
        <f t="shared" si="1"/>
        <v>21</v>
      </c>
      <c r="M23" s="14">
        <f t="shared" si="1"/>
        <v>24</v>
      </c>
      <c r="N23" s="14">
        <f t="shared" si="1"/>
        <v>27</v>
      </c>
      <c r="O23" s="14">
        <f t="shared" si="1"/>
        <v>33</v>
      </c>
      <c r="P23" s="14">
        <f t="shared" si="1"/>
        <v>32</v>
      </c>
      <c r="Q23" s="14">
        <f t="shared" si="1"/>
        <v>30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4</v>
      </c>
      <c r="H24" s="14">
        <f t="shared" si="1"/>
        <v>4</v>
      </c>
      <c r="I24" s="14">
        <f t="shared" si="1"/>
        <v>1</v>
      </c>
      <c r="J24" s="14">
        <f t="shared" si="1"/>
        <v>5</v>
      </c>
      <c r="K24" s="14">
        <f t="shared" si="1"/>
        <v>7</v>
      </c>
      <c r="L24" s="14">
        <f t="shared" si="1"/>
        <v>9</v>
      </c>
      <c r="M24" s="14">
        <f t="shared" si="1"/>
        <v>9</v>
      </c>
      <c r="N24" s="14">
        <f t="shared" si="1"/>
        <v>7</v>
      </c>
      <c r="O24" s="14">
        <f t="shared" si="1"/>
        <v>9</v>
      </c>
      <c r="P24" s="14">
        <f t="shared" si="1"/>
        <v>9</v>
      </c>
      <c r="Q24" s="14">
        <f t="shared" si="1"/>
        <v>13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1</v>
      </c>
      <c r="I25" s="14">
        <f t="shared" si="1"/>
        <v>1</v>
      </c>
      <c r="J25" s="14">
        <f t="shared" si="1"/>
        <v>1</v>
      </c>
      <c r="K25" s="14">
        <f t="shared" si="1"/>
        <v>1</v>
      </c>
      <c r="L25" s="14">
        <f t="shared" si="1"/>
        <v>0</v>
      </c>
      <c r="M25" s="14">
        <f t="shared" si="1"/>
        <v>0</v>
      </c>
      <c r="N25" s="14">
        <f t="shared" si="1"/>
        <v>0</v>
      </c>
      <c r="O25" s="14">
        <f t="shared" si="1"/>
        <v>2</v>
      </c>
      <c r="P25" s="14">
        <f t="shared" si="1"/>
        <v>4</v>
      </c>
      <c r="Q25" s="14">
        <f t="shared" si="1"/>
        <v>5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054</v>
      </c>
      <c r="H26" s="17">
        <f>SUM(H5:H25)</f>
        <v>962</v>
      </c>
      <c r="I26" s="17">
        <f t="shared" ref="I26:N26" si="2">SUM(I5:I25)</f>
        <v>873</v>
      </c>
      <c r="J26" s="17">
        <f t="shared" si="2"/>
        <v>870</v>
      </c>
      <c r="K26" s="17">
        <f t="shared" si="2"/>
        <v>841</v>
      </c>
      <c r="L26" s="17">
        <f t="shared" si="2"/>
        <v>832</v>
      </c>
      <c r="M26" s="17">
        <f t="shared" si="2"/>
        <v>824</v>
      </c>
      <c r="N26" s="17">
        <f t="shared" si="2"/>
        <v>799</v>
      </c>
      <c r="O26" s="17">
        <f>SUM(O5:O25)</f>
        <v>779</v>
      </c>
      <c r="P26" s="17">
        <f>SUM(P5:P25)</f>
        <v>759</v>
      </c>
      <c r="Q26" s="17">
        <f>SUM(Q5:Q25)</f>
        <v>742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20</v>
      </c>
      <c r="H31" s="21">
        <f t="shared" si="3"/>
        <v>83</v>
      </c>
      <c r="I31" s="21">
        <f t="shared" si="3"/>
        <v>80</v>
      </c>
      <c r="J31" s="21">
        <f t="shared" si="3"/>
        <v>78</v>
      </c>
      <c r="K31" s="21">
        <f t="shared" si="3"/>
        <v>74</v>
      </c>
      <c r="L31" s="21">
        <f t="shared" si="3"/>
        <v>76</v>
      </c>
      <c r="M31" s="21">
        <f t="shared" si="3"/>
        <v>77</v>
      </c>
      <c r="N31" s="21">
        <f t="shared" si="3"/>
        <v>68</v>
      </c>
      <c r="O31" s="21">
        <f t="shared" si="3"/>
        <v>61</v>
      </c>
      <c r="P31" s="21">
        <f t="shared" si="3"/>
        <v>59</v>
      </c>
      <c r="Q31" s="21">
        <f t="shared" si="3"/>
        <v>53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628</v>
      </c>
      <c r="H32" s="22">
        <f t="shared" si="4"/>
        <v>561</v>
      </c>
      <c r="I32" s="22">
        <f t="shared" si="4"/>
        <v>461</v>
      </c>
      <c r="J32" s="22">
        <f t="shared" si="4"/>
        <v>457</v>
      </c>
      <c r="K32" s="22">
        <f t="shared" si="4"/>
        <v>435</v>
      </c>
      <c r="L32" s="22">
        <f t="shared" si="4"/>
        <v>421</v>
      </c>
      <c r="M32" s="22">
        <f t="shared" si="4"/>
        <v>402</v>
      </c>
      <c r="N32" s="22">
        <f t="shared" si="4"/>
        <v>381</v>
      </c>
      <c r="O32" s="22">
        <f t="shared" si="4"/>
        <v>361</v>
      </c>
      <c r="P32" s="22">
        <f t="shared" si="4"/>
        <v>346</v>
      </c>
      <c r="Q32" s="22">
        <f t="shared" si="4"/>
        <v>331</v>
      </c>
    </row>
    <row r="33" spans="1:20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306</v>
      </c>
      <c r="H33" s="23">
        <f t="shared" si="5"/>
        <v>318</v>
      </c>
      <c r="I33" s="23">
        <f t="shared" si="5"/>
        <v>332</v>
      </c>
      <c r="J33" s="23">
        <f t="shared" si="5"/>
        <v>335</v>
      </c>
      <c r="K33" s="23">
        <f t="shared" si="5"/>
        <v>332</v>
      </c>
      <c r="L33" s="23">
        <f t="shared" si="5"/>
        <v>335</v>
      </c>
      <c r="M33" s="23">
        <f t="shared" si="5"/>
        <v>345</v>
      </c>
      <c r="N33" s="23">
        <f t="shared" si="5"/>
        <v>350</v>
      </c>
      <c r="O33" s="23">
        <f t="shared" si="5"/>
        <v>357</v>
      </c>
      <c r="P33" s="23">
        <f t="shared" si="5"/>
        <v>354</v>
      </c>
      <c r="Q33" s="23">
        <f t="shared" si="5"/>
        <v>358</v>
      </c>
    </row>
    <row r="34" spans="1:20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054</v>
      </c>
      <c r="H34" s="24">
        <f>SUM(H31:H33)</f>
        <v>962</v>
      </c>
      <c r="I34" s="24">
        <f t="shared" ref="I34:N34" si="6">SUM(I31:I33)</f>
        <v>873</v>
      </c>
      <c r="J34" s="24">
        <f t="shared" si="6"/>
        <v>870</v>
      </c>
      <c r="K34" s="24">
        <f t="shared" si="6"/>
        <v>841</v>
      </c>
      <c r="L34" s="24">
        <f t="shared" si="6"/>
        <v>832</v>
      </c>
      <c r="M34" s="24">
        <f t="shared" si="6"/>
        <v>824</v>
      </c>
      <c r="N34" s="24">
        <f t="shared" si="6"/>
        <v>799</v>
      </c>
      <c r="O34" s="24">
        <f>SUM(O31:O33)</f>
        <v>779</v>
      </c>
      <c r="P34" s="24">
        <f>SUM(P31:P33)</f>
        <v>759</v>
      </c>
      <c r="Q34" s="24">
        <f>SUM(Q31:Q33)</f>
        <v>742</v>
      </c>
    </row>
    <row r="35" spans="1:20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0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0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0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0" ht="23.25" customHeight="1" x14ac:dyDescent="0.2">
      <c r="A39" s="6" t="s">
        <v>33</v>
      </c>
      <c r="B39" s="71" t="s">
        <v>7</v>
      </c>
      <c r="C39" s="71" t="s">
        <v>7</v>
      </c>
      <c r="D39" s="71" t="s">
        <v>7</v>
      </c>
      <c r="E39" s="71" t="s">
        <v>7</v>
      </c>
      <c r="F39" s="71" t="s">
        <v>7</v>
      </c>
      <c r="G39" s="77">
        <f t="shared" ref="G39:Q39" si="7">ROUND(G31/G34*100,1)</f>
        <v>11.4</v>
      </c>
      <c r="H39" s="77">
        <f t="shared" si="7"/>
        <v>8.6</v>
      </c>
      <c r="I39" s="77">
        <f t="shared" si="7"/>
        <v>9.1999999999999993</v>
      </c>
      <c r="J39" s="77">
        <f t="shared" si="7"/>
        <v>9</v>
      </c>
      <c r="K39" s="77">
        <f t="shared" si="7"/>
        <v>8.8000000000000007</v>
      </c>
      <c r="L39" s="77">
        <f t="shared" si="7"/>
        <v>9.1</v>
      </c>
      <c r="M39" s="77">
        <f t="shared" si="7"/>
        <v>9.3000000000000007</v>
      </c>
      <c r="N39" s="77">
        <f t="shared" si="7"/>
        <v>8.5</v>
      </c>
      <c r="O39" s="77">
        <f t="shared" si="7"/>
        <v>7.8</v>
      </c>
      <c r="P39" s="77">
        <f t="shared" si="7"/>
        <v>7.8</v>
      </c>
      <c r="Q39" s="77">
        <f t="shared" si="7"/>
        <v>7.1</v>
      </c>
    </row>
    <row r="40" spans="1:20" ht="23.25" customHeight="1" x14ac:dyDescent="0.2">
      <c r="A40" s="9" t="s">
        <v>34</v>
      </c>
      <c r="B40" s="73" t="s">
        <v>7</v>
      </c>
      <c r="C40" s="73" t="s">
        <v>7</v>
      </c>
      <c r="D40" s="73" t="s">
        <v>7</v>
      </c>
      <c r="E40" s="73" t="s">
        <v>7</v>
      </c>
      <c r="F40" s="73" t="s">
        <v>7</v>
      </c>
      <c r="G40" s="78">
        <f t="shared" ref="G40:Q40" si="8">ROUND(G32/G34*100,1)</f>
        <v>59.6</v>
      </c>
      <c r="H40" s="78">
        <f t="shared" si="8"/>
        <v>58.3</v>
      </c>
      <c r="I40" s="78">
        <f t="shared" si="8"/>
        <v>52.8</v>
      </c>
      <c r="J40" s="78">
        <f t="shared" si="8"/>
        <v>52.5</v>
      </c>
      <c r="K40" s="78">
        <f t="shared" si="8"/>
        <v>51.7</v>
      </c>
      <c r="L40" s="78">
        <f t="shared" si="8"/>
        <v>50.6</v>
      </c>
      <c r="M40" s="78">
        <f t="shared" si="8"/>
        <v>48.8</v>
      </c>
      <c r="N40" s="78">
        <f t="shared" si="8"/>
        <v>47.7</v>
      </c>
      <c r="O40" s="78">
        <f t="shared" si="8"/>
        <v>46.3</v>
      </c>
      <c r="P40" s="78">
        <f t="shared" si="8"/>
        <v>45.6</v>
      </c>
      <c r="Q40" s="78">
        <f t="shared" si="8"/>
        <v>44.6</v>
      </c>
    </row>
    <row r="41" spans="1:20" ht="23.25" customHeight="1" x14ac:dyDescent="0.2">
      <c r="A41" s="12" t="s">
        <v>35</v>
      </c>
      <c r="B41" s="75" t="s">
        <v>7</v>
      </c>
      <c r="C41" s="75" t="s">
        <v>7</v>
      </c>
      <c r="D41" s="75" t="s">
        <v>7</v>
      </c>
      <c r="E41" s="75" t="s">
        <v>7</v>
      </c>
      <c r="F41" s="75" t="s">
        <v>7</v>
      </c>
      <c r="G41" s="79">
        <f t="shared" ref="G41:Q41" si="9">ROUND(G33/G34*100,1)</f>
        <v>29</v>
      </c>
      <c r="H41" s="79">
        <f t="shared" si="9"/>
        <v>33.1</v>
      </c>
      <c r="I41" s="79">
        <f t="shared" si="9"/>
        <v>38</v>
      </c>
      <c r="J41" s="79">
        <f t="shared" si="9"/>
        <v>38.5</v>
      </c>
      <c r="K41" s="79">
        <f t="shared" si="9"/>
        <v>39.5</v>
      </c>
      <c r="L41" s="79">
        <f t="shared" si="9"/>
        <v>40.299999999999997</v>
      </c>
      <c r="M41" s="79">
        <f t="shared" si="9"/>
        <v>41.9</v>
      </c>
      <c r="N41" s="79">
        <f t="shared" si="9"/>
        <v>43.8</v>
      </c>
      <c r="O41" s="79">
        <f t="shared" si="9"/>
        <v>45.8</v>
      </c>
      <c r="P41" s="79">
        <f t="shared" si="9"/>
        <v>46.6</v>
      </c>
      <c r="Q41" s="79">
        <f t="shared" si="9"/>
        <v>48.2</v>
      </c>
    </row>
    <row r="42" spans="1:20" ht="23.25" customHeight="1" x14ac:dyDescent="0.2">
      <c r="A42" s="5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0" ht="23.25" customHeight="1" x14ac:dyDescent="0.2">
      <c r="A43" s="5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0" ht="23.25" customHeight="1" x14ac:dyDescent="0.2">
      <c r="A44" s="5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0" ht="23.25" customHeight="1" x14ac:dyDescent="0.2">
      <c r="A45" s="5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0" ht="23.25" customHeight="1" x14ac:dyDescent="0.2">
      <c r="A46" s="5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0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0" ht="23.25" customHeight="1" thickTop="1" x14ac:dyDescent="0.2">
      <c r="A48" s="4"/>
      <c r="B48" s="4"/>
      <c r="C48" s="60" t="s">
        <v>39</v>
      </c>
      <c r="D48" s="61"/>
      <c r="E48" s="61"/>
      <c r="F48" s="62"/>
      <c r="J48" s="60" t="s">
        <v>40</v>
      </c>
      <c r="K48" s="61"/>
      <c r="L48" s="61"/>
      <c r="M48" s="61"/>
      <c r="N48" s="61"/>
      <c r="O48" s="62"/>
      <c r="P48" s="4"/>
      <c r="Q48" s="4"/>
      <c r="R48" s="4"/>
      <c r="S48" s="4"/>
      <c r="T48" s="4"/>
    </row>
    <row r="49" spans="1:20" ht="23.25" customHeight="1" thickBot="1" x14ac:dyDescent="0.25">
      <c r="A49" s="4"/>
      <c r="B49" s="4"/>
      <c r="C49" s="63"/>
      <c r="D49" s="64"/>
      <c r="E49" s="64"/>
      <c r="F49" s="65"/>
      <c r="J49" s="63"/>
      <c r="K49" s="64"/>
      <c r="L49" s="64"/>
      <c r="M49" s="64"/>
      <c r="N49" s="64"/>
      <c r="O49" s="65"/>
      <c r="P49" s="4"/>
      <c r="Q49" s="4"/>
      <c r="R49" s="4"/>
      <c r="S49" s="4"/>
      <c r="T49" s="4"/>
    </row>
    <row r="50" spans="1:20" ht="23.25" customHeight="1" thickTop="1" x14ac:dyDescent="0.25">
      <c r="A50" s="4"/>
      <c r="B50" s="4"/>
      <c r="C50" s="66"/>
      <c r="D50" s="66"/>
      <c r="E50" s="66"/>
      <c r="F50" s="4"/>
      <c r="L50" s="67"/>
      <c r="M50" s="67"/>
      <c r="N50" s="67"/>
      <c r="O50" s="4"/>
      <c r="P50" s="4"/>
      <c r="Q50" s="4"/>
      <c r="R50" s="4"/>
      <c r="S50" s="68"/>
      <c r="T50" s="4"/>
    </row>
    <row r="51" spans="1:20" ht="23.25" customHeight="1" x14ac:dyDescent="0.25">
      <c r="A51" s="4"/>
      <c r="B51" s="68"/>
      <c r="C51" s="68"/>
      <c r="D51" s="68"/>
      <c r="E51" s="68"/>
      <c r="F51" s="67"/>
      <c r="G51" s="67"/>
      <c r="H51" s="67"/>
      <c r="I51" s="67"/>
      <c r="J51" s="67"/>
      <c r="K51" s="67"/>
      <c r="L51" s="67"/>
      <c r="M51" s="67"/>
      <c r="N51" s="67"/>
      <c r="O51" s="4"/>
      <c r="P51" s="4"/>
      <c r="Q51" s="4"/>
      <c r="R51" s="4"/>
      <c r="S51" s="68"/>
      <c r="T51" s="4"/>
    </row>
    <row r="52" spans="1:20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0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0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69"/>
      <c r="O54" s="4"/>
      <c r="P54" s="4"/>
      <c r="Q54" s="4"/>
      <c r="R54" s="4"/>
      <c r="S54" s="4"/>
      <c r="T54" s="4"/>
    </row>
    <row r="55" spans="1:20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0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0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0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0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0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0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0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0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0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2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31</v>
      </c>
      <c r="H84" s="8">
        <v>11</v>
      </c>
      <c r="I84" s="8">
        <v>7</v>
      </c>
      <c r="J84" s="8">
        <v>9</v>
      </c>
      <c r="K84" s="8">
        <v>10</v>
      </c>
      <c r="L84" s="8">
        <v>8</v>
      </c>
      <c r="M84" s="8">
        <v>8</v>
      </c>
      <c r="N84" s="21">
        <v>8</v>
      </c>
      <c r="O84" s="21">
        <v>7</v>
      </c>
      <c r="P84" s="21">
        <v>4</v>
      </c>
      <c r="Q84" s="21">
        <v>5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13</v>
      </c>
      <c r="H85" s="8">
        <v>23</v>
      </c>
      <c r="I85" s="8">
        <v>13</v>
      </c>
      <c r="J85" s="8">
        <v>11</v>
      </c>
      <c r="K85" s="8">
        <v>13</v>
      </c>
      <c r="L85" s="8">
        <v>13</v>
      </c>
      <c r="M85" s="8">
        <v>10</v>
      </c>
      <c r="N85" s="21">
        <v>9</v>
      </c>
      <c r="O85" s="21">
        <v>8</v>
      </c>
      <c r="P85" s="21">
        <v>10</v>
      </c>
      <c r="Q85" s="21">
        <v>7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27</v>
      </c>
      <c r="H86" s="8">
        <v>12</v>
      </c>
      <c r="I86" s="8">
        <v>21</v>
      </c>
      <c r="J86" s="8">
        <v>17</v>
      </c>
      <c r="K86" s="8">
        <v>15</v>
      </c>
      <c r="L86" s="8">
        <v>18</v>
      </c>
      <c r="M86" s="8">
        <v>19</v>
      </c>
      <c r="N86" s="21">
        <v>14</v>
      </c>
      <c r="O86" s="21">
        <v>12</v>
      </c>
      <c r="P86" s="21">
        <v>11</v>
      </c>
      <c r="Q86" s="21">
        <v>9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31</v>
      </c>
      <c r="H87" s="11">
        <v>26</v>
      </c>
      <c r="I87" s="11">
        <v>13</v>
      </c>
      <c r="J87" s="11">
        <v>18</v>
      </c>
      <c r="K87" s="11">
        <v>17</v>
      </c>
      <c r="L87" s="11">
        <v>17</v>
      </c>
      <c r="M87" s="11">
        <v>19</v>
      </c>
      <c r="N87" s="22">
        <v>23</v>
      </c>
      <c r="O87" s="22">
        <v>19</v>
      </c>
      <c r="P87" s="22">
        <v>17</v>
      </c>
      <c r="Q87" s="22">
        <v>19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26</v>
      </c>
      <c r="H88" s="11">
        <v>29</v>
      </c>
      <c r="I88" s="11">
        <v>23</v>
      </c>
      <c r="J88" s="11">
        <v>17</v>
      </c>
      <c r="K88" s="11">
        <v>13</v>
      </c>
      <c r="L88" s="11">
        <v>14</v>
      </c>
      <c r="M88" s="11">
        <v>11</v>
      </c>
      <c r="N88" s="22">
        <v>8</v>
      </c>
      <c r="O88" s="22">
        <v>15</v>
      </c>
      <c r="P88" s="22">
        <v>17</v>
      </c>
      <c r="Q88" s="22">
        <v>18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24</v>
      </c>
      <c r="H89" s="11">
        <v>19</v>
      </c>
      <c r="I89" s="11">
        <v>22</v>
      </c>
      <c r="J89" s="11">
        <v>23</v>
      </c>
      <c r="K89" s="11">
        <v>21</v>
      </c>
      <c r="L89" s="11">
        <v>16</v>
      </c>
      <c r="M89" s="11">
        <v>16</v>
      </c>
      <c r="N89" s="22">
        <v>17</v>
      </c>
      <c r="O89" s="22">
        <v>12</v>
      </c>
      <c r="P89" s="22">
        <v>10</v>
      </c>
      <c r="Q89" s="22">
        <v>6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32</v>
      </c>
      <c r="H90" s="11">
        <v>18</v>
      </c>
      <c r="I90" s="11">
        <v>14</v>
      </c>
      <c r="J90" s="11">
        <v>16</v>
      </c>
      <c r="K90" s="11">
        <v>14</v>
      </c>
      <c r="L90" s="11">
        <v>15</v>
      </c>
      <c r="M90" s="11">
        <v>16</v>
      </c>
      <c r="N90" s="22">
        <v>14</v>
      </c>
      <c r="O90" s="22">
        <v>11</v>
      </c>
      <c r="P90" s="22">
        <v>11</v>
      </c>
      <c r="Q90" s="22">
        <v>12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23</v>
      </c>
      <c r="H91" s="11">
        <v>28</v>
      </c>
      <c r="I91" s="11">
        <v>20</v>
      </c>
      <c r="J91" s="11">
        <v>21</v>
      </c>
      <c r="K91" s="11">
        <v>19</v>
      </c>
      <c r="L91" s="11">
        <v>14</v>
      </c>
      <c r="M91" s="11">
        <v>12</v>
      </c>
      <c r="N91" s="22">
        <v>14</v>
      </c>
      <c r="O91" s="22">
        <v>14</v>
      </c>
      <c r="P91" s="22">
        <v>14</v>
      </c>
      <c r="Q91" s="22">
        <v>12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21</v>
      </c>
      <c r="H92" s="11">
        <v>19</v>
      </c>
      <c r="I92" s="11">
        <v>28</v>
      </c>
      <c r="J92" s="11">
        <v>26</v>
      </c>
      <c r="K92" s="11">
        <v>19</v>
      </c>
      <c r="L92" s="11">
        <v>21</v>
      </c>
      <c r="M92" s="11">
        <v>24</v>
      </c>
      <c r="N92" s="22">
        <v>17</v>
      </c>
      <c r="O92" s="22">
        <v>19</v>
      </c>
      <c r="P92" s="22">
        <v>18</v>
      </c>
      <c r="Q92" s="22">
        <v>14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30</v>
      </c>
      <c r="H93" s="11">
        <v>21</v>
      </c>
      <c r="I93" s="11">
        <v>22</v>
      </c>
      <c r="J93" s="11">
        <v>24</v>
      </c>
      <c r="K93" s="11">
        <v>28</v>
      </c>
      <c r="L93" s="11">
        <v>33</v>
      </c>
      <c r="M93" s="11">
        <v>25</v>
      </c>
      <c r="N93" s="22">
        <v>28</v>
      </c>
      <c r="O93" s="22">
        <v>26</v>
      </c>
      <c r="P93" s="22">
        <v>19</v>
      </c>
      <c r="Q93" s="22">
        <v>19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46</v>
      </c>
      <c r="H94" s="11">
        <v>31</v>
      </c>
      <c r="I94" s="11">
        <v>20</v>
      </c>
      <c r="J94" s="11">
        <v>20</v>
      </c>
      <c r="K94" s="11">
        <v>14</v>
      </c>
      <c r="L94" s="11">
        <v>13</v>
      </c>
      <c r="M94" s="11">
        <v>18</v>
      </c>
      <c r="N94" s="22">
        <v>22</v>
      </c>
      <c r="O94" s="22">
        <v>25</v>
      </c>
      <c r="P94" s="22">
        <v>29</v>
      </c>
      <c r="Q94" s="22">
        <v>34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54</v>
      </c>
      <c r="H95" s="11">
        <v>46</v>
      </c>
      <c r="I95" s="11">
        <v>29</v>
      </c>
      <c r="J95" s="11">
        <v>24</v>
      </c>
      <c r="K95" s="11">
        <v>30</v>
      </c>
      <c r="L95" s="11">
        <v>28</v>
      </c>
      <c r="M95" s="11">
        <v>23</v>
      </c>
      <c r="N95" s="22">
        <v>21</v>
      </c>
      <c r="O95" s="22">
        <v>21</v>
      </c>
      <c r="P95" s="22">
        <v>14</v>
      </c>
      <c r="Q95" s="22">
        <v>12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36</v>
      </c>
      <c r="H96" s="11">
        <v>51</v>
      </c>
      <c r="I96" s="11">
        <v>45</v>
      </c>
      <c r="J96" s="11">
        <v>48</v>
      </c>
      <c r="K96" s="11">
        <v>46</v>
      </c>
      <c r="L96" s="11">
        <v>40</v>
      </c>
      <c r="M96" s="11">
        <v>38</v>
      </c>
      <c r="N96" s="22">
        <v>31</v>
      </c>
      <c r="O96" s="22">
        <v>26</v>
      </c>
      <c r="P96" s="22">
        <v>31</v>
      </c>
      <c r="Q96" s="22">
        <v>28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23</v>
      </c>
      <c r="H97" s="14">
        <v>36</v>
      </c>
      <c r="I97" s="14">
        <v>47</v>
      </c>
      <c r="J97" s="14">
        <v>45</v>
      </c>
      <c r="K97" s="14">
        <v>39</v>
      </c>
      <c r="L97" s="14">
        <v>42</v>
      </c>
      <c r="M97" s="14">
        <v>41</v>
      </c>
      <c r="N97" s="23">
        <v>43</v>
      </c>
      <c r="O97" s="23">
        <v>47</v>
      </c>
      <c r="P97" s="23">
        <v>45</v>
      </c>
      <c r="Q97" s="23">
        <v>41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42</v>
      </c>
      <c r="H98" s="14">
        <v>21</v>
      </c>
      <c r="I98" s="14">
        <v>31</v>
      </c>
      <c r="J98" s="14">
        <v>32</v>
      </c>
      <c r="K98" s="14">
        <v>40</v>
      </c>
      <c r="L98" s="14">
        <v>37</v>
      </c>
      <c r="M98" s="14">
        <v>37</v>
      </c>
      <c r="N98" s="23">
        <v>43</v>
      </c>
      <c r="O98" s="23">
        <v>40</v>
      </c>
      <c r="P98" s="23">
        <v>35</v>
      </c>
      <c r="Q98" s="23">
        <v>40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29</v>
      </c>
      <c r="H99" s="14">
        <v>34</v>
      </c>
      <c r="I99" s="14">
        <v>13</v>
      </c>
      <c r="J99" s="14">
        <v>14</v>
      </c>
      <c r="K99" s="14">
        <v>16</v>
      </c>
      <c r="L99" s="14">
        <v>21</v>
      </c>
      <c r="M99" s="14">
        <v>29</v>
      </c>
      <c r="N99" s="23">
        <v>31</v>
      </c>
      <c r="O99" s="23">
        <v>31</v>
      </c>
      <c r="P99" s="23">
        <v>39</v>
      </c>
      <c r="Q99" s="23">
        <v>35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19</v>
      </c>
      <c r="H100" s="14">
        <v>23</v>
      </c>
      <c r="I100" s="14">
        <v>27</v>
      </c>
      <c r="J100" s="14">
        <v>26</v>
      </c>
      <c r="K100" s="14">
        <v>19</v>
      </c>
      <c r="L100" s="14">
        <v>19</v>
      </c>
      <c r="M100" s="14">
        <v>16</v>
      </c>
      <c r="N100" s="23">
        <v>10</v>
      </c>
      <c r="O100" s="23">
        <v>11</v>
      </c>
      <c r="P100" s="23">
        <v>12</v>
      </c>
      <c r="Q100" s="23">
        <v>19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5</v>
      </c>
      <c r="H101" s="14">
        <v>14</v>
      </c>
      <c r="I101" s="14">
        <v>14</v>
      </c>
      <c r="J101" s="14">
        <v>10</v>
      </c>
      <c r="K101" s="14">
        <v>12</v>
      </c>
      <c r="L101" s="14">
        <v>12</v>
      </c>
      <c r="M101" s="14">
        <v>16</v>
      </c>
      <c r="N101" s="23">
        <v>18</v>
      </c>
      <c r="O101" s="23">
        <v>20</v>
      </c>
      <c r="P101" s="23">
        <v>15</v>
      </c>
      <c r="Q101" s="23">
        <v>13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1</v>
      </c>
      <c r="H102" s="14">
        <v>3</v>
      </c>
      <c r="I102" s="14">
        <v>6</v>
      </c>
      <c r="J102" s="14">
        <v>6</v>
      </c>
      <c r="K102" s="14">
        <v>7</v>
      </c>
      <c r="L102" s="14">
        <v>5</v>
      </c>
      <c r="M102" s="14">
        <v>3</v>
      </c>
      <c r="N102" s="23">
        <v>5</v>
      </c>
      <c r="O102" s="23">
        <v>6</v>
      </c>
      <c r="P102" s="23">
        <v>8</v>
      </c>
      <c r="Q102" s="23">
        <v>8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1</v>
      </c>
      <c r="H103" s="14">
        <v>1</v>
      </c>
      <c r="I103" s="14">
        <v>0</v>
      </c>
      <c r="J103" s="14">
        <v>1</v>
      </c>
      <c r="K103" s="14">
        <v>1</v>
      </c>
      <c r="L103" s="14">
        <v>1</v>
      </c>
      <c r="M103" s="14">
        <v>1</v>
      </c>
      <c r="N103" s="23">
        <v>1</v>
      </c>
      <c r="O103" s="23">
        <v>1</v>
      </c>
      <c r="P103" s="23">
        <v>1</v>
      </c>
      <c r="Q103" s="23">
        <v>1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1</v>
      </c>
      <c r="J104" s="14">
        <v>1</v>
      </c>
      <c r="K104" s="14">
        <v>1</v>
      </c>
      <c r="L104" s="14">
        <v>0</v>
      </c>
      <c r="M104" s="14">
        <v>0</v>
      </c>
      <c r="N104" s="23">
        <v>0</v>
      </c>
      <c r="O104" s="23">
        <v>1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514</v>
      </c>
      <c r="H105" s="17">
        <f t="shared" ref="H105:N105" si="10">SUM(H84:H104)</f>
        <v>466</v>
      </c>
      <c r="I105" s="17">
        <f t="shared" si="10"/>
        <v>416</v>
      </c>
      <c r="J105" s="17">
        <f t="shared" si="10"/>
        <v>409</v>
      </c>
      <c r="K105" s="17">
        <f t="shared" si="10"/>
        <v>394</v>
      </c>
      <c r="L105" s="17">
        <f t="shared" si="10"/>
        <v>387</v>
      </c>
      <c r="M105" s="17">
        <f t="shared" si="10"/>
        <v>382</v>
      </c>
      <c r="N105" s="17">
        <f t="shared" si="10"/>
        <v>377</v>
      </c>
      <c r="O105" s="17">
        <f>SUM(O84:O104)</f>
        <v>372</v>
      </c>
      <c r="P105" s="17">
        <f>SUM(P84:P104)</f>
        <v>360</v>
      </c>
      <c r="Q105" s="17">
        <f>SUM(Q84:Q104)</f>
        <v>352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71</v>
      </c>
      <c r="H110" s="8">
        <f t="shared" si="11"/>
        <v>46</v>
      </c>
      <c r="I110" s="8">
        <f t="shared" si="11"/>
        <v>41</v>
      </c>
      <c r="J110" s="8">
        <f t="shared" si="11"/>
        <v>37</v>
      </c>
      <c r="K110" s="8">
        <f t="shared" si="11"/>
        <v>38</v>
      </c>
      <c r="L110" s="8">
        <f t="shared" si="11"/>
        <v>39</v>
      </c>
      <c r="M110" s="8">
        <f t="shared" si="11"/>
        <v>37</v>
      </c>
      <c r="N110" s="8">
        <f t="shared" si="11"/>
        <v>31</v>
      </c>
      <c r="O110" s="8">
        <f t="shared" si="11"/>
        <v>27</v>
      </c>
      <c r="P110" s="8">
        <f t="shared" si="11"/>
        <v>25</v>
      </c>
      <c r="Q110" s="8">
        <v>21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323</v>
      </c>
      <c r="H111" s="11">
        <f t="shared" si="12"/>
        <v>288</v>
      </c>
      <c r="I111" s="11">
        <f t="shared" si="12"/>
        <v>236</v>
      </c>
      <c r="J111" s="11">
        <f t="shared" si="12"/>
        <v>237</v>
      </c>
      <c r="K111" s="11">
        <f t="shared" si="12"/>
        <v>221</v>
      </c>
      <c r="L111" s="11">
        <f t="shared" si="12"/>
        <v>211</v>
      </c>
      <c r="M111" s="11">
        <f t="shared" si="12"/>
        <v>202</v>
      </c>
      <c r="N111" s="11">
        <f t="shared" si="12"/>
        <v>195</v>
      </c>
      <c r="O111" s="11">
        <f t="shared" si="12"/>
        <v>188</v>
      </c>
      <c r="P111" s="11">
        <f t="shared" si="12"/>
        <v>180</v>
      </c>
      <c r="Q111" s="11">
        <v>174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120</v>
      </c>
      <c r="H112" s="14">
        <f t="shared" si="13"/>
        <v>132</v>
      </c>
      <c r="I112" s="14">
        <f t="shared" si="13"/>
        <v>139</v>
      </c>
      <c r="J112" s="14">
        <f t="shared" si="13"/>
        <v>135</v>
      </c>
      <c r="K112" s="14">
        <f t="shared" si="13"/>
        <v>135</v>
      </c>
      <c r="L112" s="14">
        <f t="shared" si="13"/>
        <v>137</v>
      </c>
      <c r="M112" s="14">
        <f t="shared" si="13"/>
        <v>143</v>
      </c>
      <c r="N112" s="14">
        <f t="shared" si="13"/>
        <v>151</v>
      </c>
      <c r="O112" s="14">
        <f t="shared" si="13"/>
        <v>157</v>
      </c>
      <c r="P112" s="14">
        <f t="shared" si="13"/>
        <v>155</v>
      </c>
      <c r="Q112" s="14">
        <v>157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514</v>
      </c>
      <c r="H113" s="17">
        <f t="shared" ref="H113:N113" si="14">SUM(H110:H112)</f>
        <v>466</v>
      </c>
      <c r="I113" s="17">
        <f t="shared" si="14"/>
        <v>416</v>
      </c>
      <c r="J113" s="17">
        <f t="shared" si="14"/>
        <v>409</v>
      </c>
      <c r="K113" s="17">
        <f t="shared" si="14"/>
        <v>394</v>
      </c>
      <c r="L113" s="17">
        <f t="shared" si="14"/>
        <v>387</v>
      </c>
      <c r="M113" s="17">
        <f t="shared" si="14"/>
        <v>382</v>
      </c>
      <c r="N113" s="17">
        <f t="shared" si="14"/>
        <v>377</v>
      </c>
      <c r="O113" s="17">
        <f>SUM(O110:O112)</f>
        <v>372</v>
      </c>
      <c r="P113" s="17">
        <f>SUM(P110:P112)</f>
        <v>360</v>
      </c>
      <c r="Q113" s="17">
        <f>SUM(Q110:Q112)</f>
        <v>352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71" t="s">
        <v>7</v>
      </c>
      <c r="C118" s="71" t="s">
        <v>7</v>
      </c>
      <c r="D118" s="71" t="s">
        <v>7</v>
      </c>
      <c r="E118" s="71" t="s">
        <v>7</v>
      </c>
      <c r="F118" s="71" t="s">
        <v>7</v>
      </c>
      <c r="G118" s="72">
        <f t="shared" ref="G118:Q118" si="15">ROUND(G110/G113*100,1)</f>
        <v>13.8</v>
      </c>
      <c r="H118" s="72">
        <f t="shared" si="15"/>
        <v>9.9</v>
      </c>
      <c r="I118" s="72">
        <f t="shared" si="15"/>
        <v>9.9</v>
      </c>
      <c r="J118" s="72">
        <f t="shared" si="15"/>
        <v>9</v>
      </c>
      <c r="K118" s="72">
        <f t="shared" si="15"/>
        <v>9.6</v>
      </c>
      <c r="L118" s="72">
        <f t="shared" si="15"/>
        <v>10.1</v>
      </c>
      <c r="M118" s="72">
        <f t="shared" si="15"/>
        <v>9.6999999999999993</v>
      </c>
      <c r="N118" s="72">
        <f t="shared" si="15"/>
        <v>8.1999999999999993</v>
      </c>
      <c r="O118" s="72">
        <f t="shared" si="15"/>
        <v>7.3</v>
      </c>
      <c r="P118" s="72">
        <f t="shared" si="15"/>
        <v>6.9</v>
      </c>
      <c r="Q118" s="72">
        <f t="shared" si="15"/>
        <v>6</v>
      </c>
    </row>
    <row r="119" spans="1:17" ht="21.75" customHeight="1" x14ac:dyDescent="0.2">
      <c r="A119" s="9" t="s">
        <v>34</v>
      </c>
      <c r="B119" s="73" t="s">
        <v>7</v>
      </c>
      <c r="C119" s="73" t="s">
        <v>7</v>
      </c>
      <c r="D119" s="73" t="s">
        <v>7</v>
      </c>
      <c r="E119" s="73" t="s">
        <v>7</v>
      </c>
      <c r="F119" s="73" t="s">
        <v>7</v>
      </c>
      <c r="G119" s="74">
        <f t="shared" ref="G119:Q119" si="16">ROUND(G111/G113*100,1)</f>
        <v>62.8</v>
      </c>
      <c r="H119" s="74">
        <f t="shared" si="16"/>
        <v>61.8</v>
      </c>
      <c r="I119" s="74">
        <f t="shared" si="16"/>
        <v>56.7</v>
      </c>
      <c r="J119" s="74">
        <f t="shared" si="16"/>
        <v>57.9</v>
      </c>
      <c r="K119" s="74">
        <f t="shared" si="16"/>
        <v>56.1</v>
      </c>
      <c r="L119" s="74">
        <f t="shared" si="16"/>
        <v>54.5</v>
      </c>
      <c r="M119" s="74">
        <f t="shared" si="16"/>
        <v>52.9</v>
      </c>
      <c r="N119" s="74">
        <f t="shared" si="16"/>
        <v>51.7</v>
      </c>
      <c r="O119" s="74">
        <f t="shared" si="16"/>
        <v>50.5</v>
      </c>
      <c r="P119" s="74">
        <f t="shared" si="16"/>
        <v>50</v>
      </c>
      <c r="Q119" s="74">
        <f t="shared" si="16"/>
        <v>49.4</v>
      </c>
    </row>
    <row r="120" spans="1:17" ht="21.75" customHeight="1" x14ac:dyDescent="0.2">
      <c r="A120" s="12" t="s">
        <v>35</v>
      </c>
      <c r="B120" s="75" t="s">
        <v>7</v>
      </c>
      <c r="C120" s="75" t="s">
        <v>7</v>
      </c>
      <c r="D120" s="75" t="s">
        <v>7</v>
      </c>
      <c r="E120" s="75" t="s">
        <v>7</v>
      </c>
      <c r="F120" s="75" t="s">
        <v>7</v>
      </c>
      <c r="G120" s="76">
        <f t="shared" ref="G120:Q120" si="17">ROUND(G112/G113*100,1)</f>
        <v>23.3</v>
      </c>
      <c r="H120" s="76">
        <f t="shared" si="17"/>
        <v>28.3</v>
      </c>
      <c r="I120" s="76">
        <f t="shared" si="17"/>
        <v>33.4</v>
      </c>
      <c r="J120" s="76">
        <f t="shared" si="17"/>
        <v>33</v>
      </c>
      <c r="K120" s="76">
        <f t="shared" si="17"/>
        <v>34.299999999999997</v>
      </c>
      <c r="L120" s="76">
        <f t="shared" si="17"/>
        <v>35.4</v>
      </c>
      <c r="M120" s="76">
        <f t="shared" si="17"/>
        <v>37.4</v>
      </c>
      <c r="N120" s="76">
        <f t="shared" si="17"/>
        <v>40.1</v>
      </c>
      <c r="O120" s="76">
        <f t="shared" si="17"/>
        <v>42.2</v>
      </c>
      <c r="P120" s="76">
        <f t="shared" si="17"/>
        <v>43.1</v>
      </c>
      <c r="Q120" s="76">
        <f t="shared" si="17"/>
        <v>44.6</v>
      </c>
    </row>
    <row r="121" spans="1:17" ht="21.75" customHeight="1" x14ac:dyDescent="0.35">
      <c r="A121" s="5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5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5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5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5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5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3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3</v>
      </c>
      <c r="H130" s="8">
        <v>9</v>
      </c>
      <c r="I130" s="8">
        <v>13</v>
      </c>
      <c r="J130" s="8">
        <v>12</v>
      </c>
      <c r="K130" s="8">
        <v>11</v>
      </c>
      <c r="L130" s="8">
        <v>12</v>
      </c>
      <c r="M130" s="8">
        <v>11</v>
      </c>
      <c r="N130" s="21">
        <v>8</v>
      </c>
      <c r="O130" s="21">
        <v>4</v>
      </c>
      <c r="P130" s="21">
        <v>6</v>
      </c>
      <c r="Q130" s="21">
        <v>4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15</v>
      </c>
      <c r="H131" s="8">
        <v>13</v>
      </c>
      <c r="I131" s="8">
        <v>12</v>
      </c>
      <c r="J131" s="8">
        <v>15</v>
      </c>
      <c r="K131" s="8">
        <v>13</v>
      </c>
      <c r="L131" s="8">
        <v>13</v>
      </c>
      <c r="M131" s="8">
        <v>17</v>
      </c>
      <c r="N131" s="21">
        <v>18</v>
      </c>
      <c r="O131" s="21">
        <v>15</v>
      </c>
      <c r="P131" s="21">
        <v>15</v>
      </c>
      <c r="Q131" s="21">
        <v>13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21</v>
      </c>
      <c r="H132" s="8">
        <v>15</v>
      </c>
      <c r="I132" s="8">
        <v>14</v>
      </c>
      <c r="J132" s="8">
        <v>14</v>
      </c>
      <c r="K132" s="8">
        <v>12</v>
      </c>
      <c r="L132" s="8">
        <v>12</v>
      </c>
      <c r="M132" s="8">
        <v>12</v>
      </c>
      <c r="N132" s="21">
        <v>11</v>
      </c>
      <c r="O132" s="21">
        <v>15</v>
      </c>
      <c r="P132" s="21">
        <v>13</v>
      </c>
      <c r="Q132" s="21">
        <v>15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25</v>
      </c>
      <c r="H133" s="11">
        <v>20</v>
      </c>
      <c r="I133" s="11">
        <v>12</v>
      </c>
      <c r="J133" s="11">
        <v>15</v>
      </c>
      <c r="K133" s="11">
        <v>16</v>
      </c>
      <c r="L133" s="11">
        <v>17</v>
      </c>
      <c r="M133" s="11">
        <v>16</v>
      </c>
      <c r="N133" s="22">
        <v>15</v>
      </c>
      <c r="O133" s="22">
        <v>14</v>
      </c>
      <c r="P133" s="22">
        <v>14</v>
      </c>
      <c r="Q133" s="22">
        <v>11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30</v>
      </c>
      <c r="H134" s="11">
        <v>20</v>
      </c>
      <c r="I134" s="11">
        <v>15</v>
      </c>
      <c r="J134" s="11">
        <v>14</v>
      </c>
      <c r="K134" s="11">
        <v>15</v>
      </c>
      <c r="L134" s="11">
        <v>13</v>
      </c>
      <c r="M134" s="11">
        <v>12</v>
      </c>
      <c r="N134" s="22">
        <v>11</v>
      </c>
      <c r="O134" s="22">
        <v>9</v>
      </c>
      <c r="P134" s="22">
        <v>11</v>
      </c>
      <c r="Q134" s="22">
        <v>12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25</v>
      </c>
      <c r="H135" s="11">
        <v>19</v>
      </c>
      <c r="I135" s="11">
        <v>13</v>
      </c>
      <c r="J135" s="11">
        <v>11</v>
      </c>
      <c r="K135" s="11">
        <v>9</v>
      </c>
      <c r="L135" s="11">
        <v>11</v>
      </c>
      <c r="M135" s="11">
        <v>10</v>
      </c>
      <c r="N135" s="22">
        <v>7</v>
      </c>
      <c r="O135" s="22">
        <v>7</v>
      </c>
      <c r="P135" s="22">
        <v>7</v>
      </c>
      <c r="Q135" s="22">
        <v>4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20</v>
      </c>
      <c r="H136" s="11">
        <v>16</v>
      </c>
      <c r="I136" s="11">
        <v>14</v>
      </c>
      <c r="J136" s="11">
        <v>15</v>
      </c>
      <c r="K136" s="11">
        <v>17</v>
      </c>
      <c r="L136" s="11">
        <v>14</v>
      </c>
      <c r="M136" s="11">
        <v>15</v>
      </c>
      <c r="N136" s="22">
        <v>15</v>
      </c>
      <c r="O136" s="22">
        <v>13</v>
      </c>
      <c r="P136" s="22">
        <v>7</v>
      </c>
      <c r="Q136" s="22">
        <v>10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24</v>
      </c>
      <c r="H137" s="11">
        <v>19</v>
      </c>
      <c r="I137" s="11">
        <v>16</v>
      </c>
      <c r="J137" s="11">
        <v>14</v>
      </c>
      <c r="K137" s="11">
        <v>15</v>
      </c>
      <c r="L137" s="11">
        <v>16</v>
      </c>
      <c r="M137" s="11">
        <v>16</v>
      </c>
      <c r="N137" s="22">
        <v>10</v>
      </c>
      <c r="O137" s="22">
        <v>8</v>
      </c>
      <c r="P137" s="22">
        <v>11</v>
      </c>
      <c r="Q137" s="22">
        <v>11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29</v>
      </c>
      <c r="H138" s="11">
        <v>29</v>
      </c>
      <c r="I138" s="11">
        <v>22</v>
      </c>
      <c r="J138" s="11">
        <v>24</v>
      </c>
      <c r="K138" s="11">
        <v>14</v>
      </c>
      <c r="L138" s="11">
        <v>14</v>
      </c>
      <c r="M138" s="11">
        <v>13</v>
      </c>
      <c r="N138" s="22">
        <v>18</v>
      </c>
      <c r="O138" s="22">
        <v>15</v>
      </c>
      <c r="P138" s="22">
        <v>15</v>
      </c>
      <c r="Q138" s="22">
        <v>14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33</v>
      </c>
      <c r="H139" s="11">
        <v>28</v>
      </c>
      <c r="I139" s="11">
        <v>28</v>
      </c>
      <c r="J139" s="11">
        <v>27</v>
      </c>
      <c r="K139" s="11">
        <v>32</v>
      </c>
      <c r="L139" s="11">
        <v>29</v>
      </c>
      <c r="M139" s="11">
        <v>27</v>
      </c>
      <c r="N139" s="22">
        <v>21</v>
      </c>
      <c r="O139" s="22">
        <v>23</v>
      </c>
      <c r="P139" s="22">
        <v>15</v>
      </c>
      <c r="Q139" s="22">
        <v>14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46</v>
      </c>
      <c r="H140" s="11">
        <v>33</v>
      </c>
      <c r="I140" s="11">
        <v>27</v>
      </c>
      <c r="J140" s="11">
        <v>25</v>
      </c>
      <c r="K140" s="11">
        <v>26</v>
      </c>
      <c r="L140" s="11">
        <v>28</v>
      </c>
      <c r="M140" s="11">
        <v>27</v>
      </c>
      <c r="N140" s="22">
        <v>28</v>
      </c>
      <c r="O140" s="22">
        <v>26</v>
      </c>
      <c r="P140" s="22">
        <v>31</v>
      </c>
      <c r="Q140" s="22">
        <v>27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46</v>
      </c>
      <c r="H141" s="11">
        <v>45</v>
      </c>
      <c r="I141" s="11">
        <v>34</v>
      </c>
      <c r="J141" s="11">
        <v>34</v>
      </c>
      <c r="K141" s="11">
        <v>30</v>
      </c>
      <c r="L141" s="11">
        <v>28</v>
      </c>
      <c r="M141" s="11">
        <v>29</v>
      </c>
      <c r="N141" s="22">
        <v>27</v>
      </c>
      <c r="O141" s="22">
        <v>24</v>
      </c>
      <c r="P141" s="22">
        <v>26</v>
      </c>
      <c r="Q141" s="22">
        <v>27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27</v>
      </c>
      <c r="H142" s="11">
        <v>44</v>
      </c>
      <c r="I142" s="11">
        <v>44</v>
      </c>
      <c r="J142" s="11">
        <v>41</v>
      </c>
      <c r="K142" s="11">
        <v>40</v>
      </c>
      <c r="L142" s="11">
        <v>40</v>
      </c>
      <c r="M142" s="11">
        <v>35</v>
      </c>
      <c r="N142" s="22">
        <v>34</v>
      </c>
      <c r="O142" s="22">
        <v>34</v>
      </c>
      <c r="P142" s="22">
        <v>29</v>
      </c>
      <c r="Q142" s="22">
        <v>27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43</v>
      </c>
      <c r="H143" s="14">
        <v>28</v>
      </c>
      <c r="I143" s="14">
        <v>43</v>
      </c>
      <c r="J143" s="14">
        <v>49</v>
      </c>
      <c r="K143" s="14">
        <v>45</v>
      </c>
      <c r="L143" s="14">
        <v>40</v>
      </c>
      <c r="M143" s="14">
        <v>41</v>
      </c>
      <c r="N143" s="23">
        <v>38</v>
      </c>
      <c r="O143" s="23">
        <v>37</v>
      </c>
      <c r="P143" s="23">
        <v>40</v>
      </c>
      <c r="Q143" s="23">
        <v>38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44</v>
      </c>
      <c r="H144" s="14">
        <v>38</v>
      </c>
      <c r="I144" s="14">
        <v>28</v>
      </c>
      <c r="J144" s="14">
        <v>28</v>
      </c>
      <c r="K144" s="14">
        <v>29</v>
      </c>
      <c r="L144" s="14">
        <v>37</v>
      </c>
      <c r="M144" s="14">
        <v>39</v>
      </c>
      <c r="N144" s="23">
        <v>42</v>
      </c>
      <c r="O144" s="23">
        <v>45</v>
      </c>
      <c r="P144" s="23">
        <v>41</v>
      </c>
      <c r="Q144" s="23">
        <v>39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48</v>
      </c>
      <c r="H145" s="14">
        <v>42</v>
      </c>
      <c r="I145" s="14">
        <v>34</v>
      </c>
      <c r="J145" s="14">
        <v>34</v>
      </c>
      <c r="K145" s="14">
        <v>33</v>
      </c>
      <c r="L145" s="14">
        <v>26</v>
      </c>
      <c r="M145" s="14">
        <v>28</v>
      </c>
      <c r="N145" s="23">
        <v>26</v>
      </c>
      <c r="O145" s="23">
        <v>27</v>
      </c>
      <c r="P145" s="23">
        <v>28</v>
      </c>
      <c r="Q145" s="23">
        <v>35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28</v>
      </c>
      <c r="H146" s="14">
        <v>46</v>
      </c>
      <c r="I146" s="14">
        <v>39</v>
      </c>
      <c r="J146" s="14">
        <v>35</v>
      </c>
      <c r="K146" s="14">
        <v>33</v>
      </c>
      <c r="L146" s="14">
        <v>36</v>
      </c>
      <c r="M146" s="14">
        <v>30</v>
      </c>
      <c r="N146" s="23">
        <v>32</v>
      </c>
      <c r="O146" s="23">
        <v>28</v>
      </c>
      <c r="P146" s="23">
        <v>27</v>
      </c>
      <c r="Q146" s="23">
        <v>22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12</v>
      </c>
      <c r="H147" s="14">
        <v>21</v>
      </c>
      <c r="I147" s="14">
        <v>32</v>
      </c>
      <c r="J147" s="14">
        <v>35</v>
      </c>
      <c r="K147" s="14">
        <v>36</v>
      </c>
      <c r="L147" s="14">
        <v>35</v>
      </c>
      <c r="M147" s="14">
        <v>35</v>
      </c>
      <c r="N147" s="23">
        <v>33</v>
      </c>
      <c r="O147" s="23">
        <v>27</v>
      </c>
      <c r="P147" s="23">
        <v>27</v>
      </c>
      <c r="Q147" s="23">
        <v>28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8</v>
      </c>
      <c r="H148" s="14">
        <v>7</v>
      </c>
      <c r="I148" s="14">
        <v>16</v>
      </c>
      <c r="J148" s="14">
        <v>15</v>
      </c>
      <c r="K148" s="14">
        <v>15</v>
      </c>
      <c r="L148" s="14">
        <v>16</v>
      </c>
      <c r="M148" s="14">
        <v>21</v>
      </c>
      <c r="N148" s="23">
        <v>22</v>
      </c>
      <c r="O148" s="23">
        <v>27</v>
      </c>
      <c r="P148" s="23">
        <v>24</v>
      </c>
      <c r="Q148" s="23">
        <v>22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3</v>
      </c>
      <c r="H149" s="14">
        <v>3</v>
      </c>
      <c r="I149" s="14">
        <v>1</v>
      </c>
      <c r="J149" s="14">
        <v>4</v>
      </c>
      <c r="K149" s="14">
        <v>6</v>
      </c>
      <c r="L149" s="14">
        <v>8</v>
      </c>
      <c r="M149" s="14">
        <v>8</v>
      </c>
      <c r="N149" s="23">
        <v>6</v>
      </c>
      <c r="O149" s="23">
        <v>8</v>
      </c>
      <c r="P149" s="23">
        <v>8</v>
      </c>
      <c r="Q149" s="23">
        <v>12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1</v>
      </c>
      <c r="I150" s="14">
        <v>0</v>
      </c>
      <c r="J150" s="14">
        <v>0</v>
      </c>
      <c r="K150" s="14">
        <v>0</v>
      </c>
      <c r="L150" s="14">
        <v>0</v>
      </c>
      <c r="M150" s="14">
        <v>0</v>
      </c>
      <c r="N150" s="23">
        <v>0</v>
      </c>
      <c r="O150" s="23">
        <v>1</v>
      </c>
      <c r="P150" s="23">
        <v>4</v>
      </c>
      <c r="Q150" s="23">
        <v>5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540</v>
      </c>
      <c r="H151" s="17">
        <f t="shared" ref="H151:N151" si="18">SUM(H130:H150)</f>
        <v>496</v>
      </c>
      <c r="I151" s="17">
        <f t="shared" si="18"/>
        <v>457</v>
      </c>
      <c r="J151" s="17">
        <f t="shared" si="18"/>
        <v>461</v>
      </c>
      <c r="K151" s="17">
        <f t="shared" si="18"/>
        <v>447</v>
      </c>
      <c r="L151" s="17">
        <f t="shared" si="18"/>
        <v>445</v>
      </c>
      <c r="M151" s="17">
        <f t="shared" si="18"/>
        <v>442</v>
      </c>
      <c r="N151" s="17">
        <f t="shared" si="18"/>
        <v>422</v>
      </c>
      <c r="O151" s="17">
        <f>SUM(O130:O150)</f>
        <v>407</v>
      </c>
      <c r="P151" s="17">
        <f>SUM(P130:P150)</f>
        <v>399</v>
      </c>
      <c r="Q151" s="17">
        <f>SUM(Q130:Q150)</f>
        <v>390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49</v>
      </c>
      <c r="H156" s="8">
        <f t="shared" si="19"/>
        <v>37</v>
      </c>
      <c r="I156" s="8">
        <f t="shared" si="19"/>
        <v>39</v>
      </c>
      <c r="J156" s="8">
        <f t="shared" si="19"/>
        <v>41</v>
      </c>
      <c r="K156" s="8">
        <f t="shared" si="19"/>
        <v>36</v>
      </c>
      <c r="L156" s="8">
        <f t="shared" si="19"/>
        <v>37</v>
      </c>
      <c r="M156" s="8">
        <f t="shared" si="19"/>
        <v>40</v>
      </c>
      <c r="N156" s="8">
        <f t="shared" si="19"/>
        <v>37</v>
      </c>
      <c r="O156" s="8">
        <f t="shared" si="19"/>
        <v>34</v>
      </c>
      <c r="P156" s="8">
        <f t="shared" si="19"/>
        <v>34</v>
      </c>
      <c r="Q156" s="8">
        <v>32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305</v>
      </c>
      <c r="H157" s="11">
        <f t="shared" si="20"/>
        <v>273</v>
      </c>
      <c r="I157" s="11">
        <f t="shared" si="20"/>
        <v>225</v>
      </c>
      <c r="J157" s="11">
        <f t="shared" si="20"/>
        <v>220</v>
      </c>
      <c r="K157" s="11">
        <f t="shared" si="20"/>
        <v>214</v>
      </c>
      <c r="L157" s="11">
        <f t="shared" si="20"/>
        <v>210</v>
      </c>
      <c r="M157" s="11">
        <f t="shared" si="20"/>
        <v>200</v>
      </c>
      <c r="N157" s="11">
        <f t="shared" si="20"/>
        <v>186</v>
      </c>
      <c r="O157" s="11">
        <f t="shared" si="20"/>
        <v>173</v>
      </c>
      <c r="P157" s="11">
        <f t="shared" si="20"/>
        <v>166</v>
      </c>
      <c r="Q157" s="11">
        <v>157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186</v>
      </c>
      <c r="H158" s="14">
        <f t="shared" si="21"/>
        <v>186</v>
      </c>
      <c r="I158" s="14">
        <f t="shared" si="21"/>
        <v>193</v>
      </c>
      <c r="J158" s="14">
        <f t="shared" si="21"/>
        <v>200</v>
      </c>
      <c r="K158" s="14">
        <f t="shared" si="21"/>
        <v>197</v>
      </c>
      <c r="L158" s="14">
        <f t="shared" si="21"/>
        <v>198</v>
      </c>
      <c r="M158" s="14">
        <f t="shared" si="21"/>
        <v>202</v>
      </c>
      <c r="N158" s="14">
        <f t="shared" si="21"/>
        <v>199</v>
      </c>
      <c r="O158" s="14">
        <f t="shared" si="21"/>
        <v>200</v>
      </c>
      <c r="P158" s="14">
        <f t="shared" si="21"/>
        <v>199</v>
      </c>
      <c r="Q158" s="14">
        <v>201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540</v>
      </c>
      <c r="H159" s="17">
        <f t="shared" ref="H159:N159" si="22">SUM(H156:H158)</f>
        <v>496</v>
      </c>
      <c r="I159" s="17">
        <f t="shared" si="22"/>
        <v>457</v>
      </c>
      <c r="J159" s="17">
        <f t="shared" si="22"/>
        <v>461</v>
      </c>
      <c r="K159" s="17">
        <f t="shared" si="22"/>
        <v>447</v>
      </c>
      <c r="L159" s="17">
        <f t="shared" si="22"/>
        <v>445</v>
      </c>
      <c r="M159" s="17">
        <f t="shared" si="22"/>
        <v>442</v>
      </c>
      <c r="N159" s="17">
        <f t="shared" si="22"/>
        <v>422</v>
      </c>
      <c r="O159" s="17">
        <f>SUM(O156:O158)</f>
        <v>407</v>
      </c>
      <c r="P159" s="17">
        <f>SUM(P156:P158)</f>
        <v>399</v>
      </c>
      <c r="Q159" s="17">
        <f>SUM(Q156:Q158)</f>
        <v>390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71" t="s">
        <v>7</v>
      </c>
      <c r="C164" s="71" t="s">
        <v>7</v>
      </c>
      <c r="D164" s="71" t="s">
        <v>7</v>
      </c>
      <c r="E164" s="71" t="s">
        <v>7</v>
      </c>
      <c r="F164" s="71" t="s">
        <v>7</v>
      </c>
      <c r="G164" s="72">
        <f t="shared" ref="G164:Q164" si="23">ROUND(G156/G159*100,1)</f>
        <v>9.1</v>
      </c>
      <c r="H164" s="72">
        <f t="shared" si="23"/>
        <v>7.5</v>
      </c>
      <c r="I164" s="72">
        <f t="shared" si="23"/>
        <v>8.5</v>
      </c>
      <c r="J164" s="72">
        <f t="shared" si="23"/>
        <v>8.9</v>
      </c>
      <c r="K164" s="72">
        <f t="shared" si="23"/>
        <v>8.1</v>
      </c>
      <c r="L164" s="72">
        <f t="shared" si="23"/>
        <v>8.3000000000000007</v>
      </c>
      <c r="M164" s="72">
        <f t="shared" si="23"/>
        <v>9</v>
      </c>
      <c r="N164" s="72">
        <f t="shared" si="23"/>
        <v>8.8000000000000007</v>
      </c>
      <c r="O164" s="72">
        <f t="shared" si="23"/>
        <v>8.4</v>
      </c>
      <c r="P164" s="72">
        <f t="shared" si="23"/>
        <v>8.5</v>
      </c>
      <c r="Q164" s="72">
        <f t="shared" si="23"/>
        <v>8.1999999999999993</v>
      </c>
    </row>
    <row r="165" spans="1:20" ht="21.75" customHeight="1" x14ac:dyDescent="0.2">
      <c r="A165" s="9" t="s">
        <v>34</v>
      </c>
      <c r="B165" s="73" t="s">
        <v>7</v>
      </c>
      <c r="C165" s="73" t="s">
        <v>7</v>
      </c>
      <c r="D165" s="73" t="s">
        <v>7</v>
      </c>
      <c r="E165" s="73" t="s">
        <v>7</v>
      </c>
      <c r="F165" s="73" t="s">
        <v>7</v>
      </c>
      <c r="G165" s="74">
        <f t="shared" ref="G165:Q165" si="24">ROUND(G157/G159*100,1)</f>
        <v>56.5</v>
      </c>
      <c r="H165" s="74">
        <f t="shared" si="24"/>
        <v>55</v>
      </c>
      <c r="I165" s="74">
        <f t="shared" si="24"/>
        <v>49.2</v>
      </c>
      <c r="J165" s="74">
        <f t="shared" si="24"/>
        <v>47.7</v>
      </c>
      <c r="K165" s="74">
        <f t="shared" si="24"/>
        <v>47.9</v>
      </c>
      <c r="L165" s="74">
        <f t="shared" si="24"/>
        <v>47.2</v>
      </c>
      <c r="M165" s="74">
        <f t="shared" si="24"/>
        <v>45.2</v>
      </c>
      <c r="N165" s="74">
        <f t="shared" si="24"/>
        <v>44.1</v>
      </c>
      <c r="O165" s="74">
        <f t="shared" si="24"/>
        <v>42.5</v>
      </c>
      <c r="P165" s="74">
        <f t="shared" si="24"/>
        <v>41.6</v>
      </c>
      <c r="Q165" s="74">
        <f t="shared" si="24"/>
        <v>40.299999999999997</v>
      </c>
    </row>
    <row r="166" spans="1:20" ht="21.75" customHeight="1" x14ac:dyDescent="0.2">
      <c r="A166" s="12" t="s">
        <v>35</v>
      </c>
      <c r="B166" s="75" t="s">
        <v>7</v>
      </c>
      <c r="C166" s="75" t="s">
        <v>7</v>
      </c>
      <c r="D166" s="75" t="s">
        <v>7</v>
      </c>
      <c r="E166" s="75" t="s">
        <v>7</v>
      </c>
      <c r="F166" s="75" t="s">
        <v>7</v>
      </c>
      <c r="G166" s="76">
        <f t="shared" ref="G166:Q166" si="25">ROUND(G158/G159*100,1)</f>
        <v>34.4</v>
      </c>
      <c r="H166" s="76">
        <f t="shared" si="25"/>
        <v>37.5</v>
      </c>
      <c r="I166" s="76">
        <f t="shared" si="25"/>
        <v>42.2</v>
      </c>
      <c r="J166" s="76">
        <f t="shared" si="25"/>
        <v>43.4</v>
      </c>
      <c r="K166" s="76">
        <f t="shared" si="25"/>
        <v>44.1</v>
      </c>
      <c r="L166" s="76">
        <f t="shared" si="25"/>
        <v>44.5</v>
      </c>
      <c r="M166" s="76">
        <f t="shared" si="25"/>
        <v>45.7</v>
      </c>
      <c r="N166" s="76">
        <f t="shared" si="25"/>
        <v>47.2</v>
      </c>
      <c r="O166" s="76">
        <f t="shared" si="25"/>
        <v>49.1</v>
      </c>
      <c r="P166" s="76">
        <f t="shared" si="25"/>
        <v>49.9</v>
      </c>
      <c r="Q166" s="76">
        <f t="shared" si="25"/>
        <v>51.5</v>
      </c>
    </row>
    <row r="167" spans="1:20" ht="21.75" customHeight="1" x14ac:dyDescent="0.2">
      <c r="A167" s="5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66"/>
      <c r="B168" s="66"/>
      <c r="C168" s="66"/>
      <c r="D168" s="66"/>
      <c r="E168" s="66"/>
      <c r="F168" s="66"/>
      <c r="G168" s="66"/>
      <c r="H168" s="66"/>
      <c r="I168" s="66"/>
      <c r="J168" s="66"/>
      <c r="K168" s="66"/>
      <c r="L168" s="66"/>
      <c r="M168" s="66"/>
      <c r="N168" s="66"/>
      <c r="O168" s="66"/>
      <c r="P168" s="66"/>
      <c r="Q168" s="66"/>
      <c r="R168" s="66"/>
      <c r="S168" s="66"/>
      <c r="T168" s="6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CE272AC-3585-481B-9212-4E11F0087C9E}">
  <sheetPr codeName="Sheet71"/>
  <dimension ref="A1:T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54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29</v>
      </c>
      <c r="H5" s="8">
        <f t="shared" si="0"/>
        <v>16</v>
      </c>
      <c r="I5" s="8">
        <f t="shared" si="0"/>
        <v>9</v>
      </c>
      <c r="J5" s="8">
        <f t="shared" si="0"/>
        <v>6</v>
      </c>
      <c r="K5" s="8">
        <f t="shared" si="0"/>
        <v>7</v>
      </c>
      <c r="L5" s="8">
        <f t="shared" si="0"/>
        <v>8</v>
      </c>
      <c r="M5" s="8">
        <f t="shared" si="0"/>
        <v>4</v>
      </c>
      <c r="N5" s="8">
        <f t="shared" si="0"/>
        <v>5</v>
      </c>
      <c r="O5" s="8">
        <f t="shared" si="0"/>
        <v>5</v>
      </c>
      <c r="P5" s="8">
        <f t="shared" si="0"/>
        <v>5</v>
      </c>
      <c r="Q5" s="8">
        <f t="shared" si="0"/>
        <v>2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28</v>
      </c>
      <c r="H6" s="8">
        <f t="shared" si="0"/>
        <v>26</v>
      </c>
      <c r="I6" s="8">
        <f t="shared" si="0"/>
        <v>9</v>
      </c>
      <c r="J6" s="8">
        <f t="shared" si="0"/>
        <v>6</v>
      </c>
      <c r="K6" s="8">
        <f t="shared" si="0"/>
        <v>6</v>
      </c>
      <c r="L6" s="8">
        <f t="shared" si="0"/>
        <v>6</v>
      </c>
      <c r="M6" s="8">
        <f t="shared" si="0"/>
        <v>2</v>
      </c>
      <c r="N6" s="8">
        <f t="shared" si="0"/>
        <v>2</v>
      </c>
      <c r="O6" s="8">
        <f t="shared" si="0"/>
        <v>2</v>
      </c>
      <c r="P6" s="8">
        <f t="shared" si="0"/>
        <v>4</v>
      </c>
      <c r="Q6" s="8">
        <f t="shared" si="0"/>
        <v>2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24</v>
      </c>
      <c r="H7" s="8">
        <f t="shared" si="0"/>
        <v>27</v>
      </c>
      <c r="I7" s="8">
        <f t="shared" si="0"/>
        <v>23</v>
      </c>
      <c r="J7" s="8">
        <f t="shared" si="0"/>
        <v>18</v>
      </c>
      <c r="K7" s="8">
        <f t="shared" si="0"/>
        <v>12</v>
      </c>
      <c r="L7" s="8">
        <f t="shared" si="0"/>
        <v>11</v>
      </c>
      <c r="M7" s="8">
        <f t="shared" si="0"/>
        <v>11</v>
      </c>
      <c r="N7" s="8">
        <f t="shared" si="0"/>
        <v>7</v>
      </c>
      <c r="O7" s="8">
        <f t="shared" si="0"/>
        <v>5</v>
      </c>
      <c r="P7" s="8">
        <f t="shared" si="0"/>
        <v>6</v>
      </c>
      <c r="Q7" s="8">
        <f t="shared" si="0"/>
        <v>5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30</v>
      </c>
      <c r="H8" s="11">
        <f t="shared" si="0"/>
        <v>23</v>
      </c>
      <c r="I8" s="11">
        <f t="shared" si="0"/>
        <v>28</v>
      </c>
      <c r="J8" s="11">
        <f t="shared" si="0"/>
        <v>24</v>
      </c>
      <c r="K8" s="11">
        <f t="shared" si="0"/>
        <v>26</v>
      </c>
      <c r="L8" s="11">
        <f t="shared" si="0"/>
        <v>16</v>
      </c>
      <c r="M8" s="11">
        <f t="shared" si="0"/>
        <v>14</v>
      </c>
      <c r="N8" s="11">
        <f t="shared" si="0"/>
        <v>16</v>
      </c>
      <c r="O8" s="11">
        <f t="shared" si="0"/>
        <v>12</v>
      </c>
      <c r="P8" s="11">
        <f t="shared" si="0"/>
        <v>10</v>
      </c>
      <c r="Q8" s="11">
        <f t="shared" si="0"/>
        <v>11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30</v>
      </c>
      <c r="H9" s="11">
        <f t="shared" si="0"/>
        <v>33</v>
      </c>
      <c r="I9" s="11">
        <f t="shared" si="0"/>
        <v>19</v>
      </c>
      <c r="J9" s="11">
        <f t="shared" si="0"/>
        <v>18</v>
      </c>
      <c r="K9" s="11">
        <f t="shared" si="0"/>
        <v>15</v>
      </c>
      <c r="L9" s="11">
        <f t="shared" si="0"/>
        <v>15</v>
      </c>
      <c r="M9" s="11">
        <f t="shared" si="0"/>
        <v>15</v>
      </c>
      <c r="N9" s="11">
        <f t="shared" si="0"/>
        <v>13</v>
      </c>
      <c r="O9" s="11">
        <f t="shared" si="0"/>
        <v>16</v>
      </c>
      <c r="P9" s="11">
        <f t="shared" si="0"/>
        <v>17</v>
      </c>
      <c r="Q9" s="11">
        <f t="shared" si="0"/>
        <v>15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37</v>
      </c>
      <c r="H10" s="11">
        <f t="shared" si="0"/>
        <v>24</v>
      </c>
      <c r="I10" s="11">
        <f t="shared" si="0"/>
        <v>24</v>
      </c>
      <c r="J10" s="11">
        <f t="shared" si="0"/>
        <v>21</v>
      </c>
      <c r="K10" s="11">
        <f t="shared" si="0"/>
        <v>22</v>
      </c>
      <c r="L10" s="11">
        <f t="shared" si="0"/>
        <v>18</v>
      </c>
      <c r="M10" s="11">
        <f t="shared" si="0"/>
        <v>16</v>
      </c>
      <c r="N10" s="11">
        <f t="shared" si="0"/>
        <v>11</v>
      </c>
      <c r="O10" s="11">
        <f t="shared" si="0"/>
        <v>10</v>
      </c>
      <c r="P10" s="11">
        <f t="shared" si="0"/>
        <v>8</v>
      </c>
      <c r="Q10" s="11">
        <f t="shared" si="0"/>
        <v>23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33</v>
      </c>
      <c r="H11" s="11">
        <f t="shared" si="0"/>
        <v>25</v>
      </c>
      <c r="I11" s="11">
        <f t="shared" si="0"/>
        <v>21</v>
      </c>
      <c r="J11" s="11">
        <f t="shared" si="0"/>
        <v>18</v>
      </c>
      <c r="K11" s="11">
        <f t="shared" si="0"/>
        <v>20</v>
      </c>
      <c r="L11" s="11">
        <f t="shared" si="0"/>
        <v>23</v>
      </c>
      <c r="M11" s="11">
        <f t="shared" si="0"/>
        <v>20</v>
      </c>
      <c r="N11" s="11">
        <f t="shared" si="0"/>
        <v>20</v>
      </c>
      <c r="O11" s="11">
        <f t="shared" si="0"/>
        <v>19</v>
      </c>
      <c r="P11" s="11">
        <f t="shared" si="0"/>
        <v>16</v>
      </c>
      <c r="Q11" s="11">
        <f t="shared" si="0"/>
        <v>15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31</v>
      </c>
      <c r="H12" s="11">
        <f t="shared" si="0"/>
        <v>26</v>
      </c>
      <c r="I12" s="11">
        <f t="shared" si="0"/>
        <v>15</v>
      </c>
      <c r="J12" s="11">
        <f t="shared" si="0"/>
        <v>12</v>
      </c>
      <c r="K12" s="11">
        <f t="shared" si="0"/>
        <v>12</v>
      </c>
      <c r="L12" s="11">
        <f t="shared" si="0"/>
        <v>13</v>
      </c>
      <c r="M12" s="11">
        <f t="shared" si="0"/>
        <v>10</v>
      </c>
      <c r="N12" s="11">
        <f t="shared" si="0"/>
        <v>10</v>
      </c>
      <c r="O12" s="11">
        <f t="shared" si="0"/>
        <v>11</v>
      </c>
      <c r="P12" s="11">
        <f t="shared" si="0"/>
        <v>14</v>
      </c>
      <c r="Q12" s="11">
        <f t="shared" si="0"/>
        <v>15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30</v>
      </c>
      <c r="H13" s="11">
        <f t="shared" si="0"/>
        <v>30</v>
      </c>
      <c r="I13" s="11">
        <f t="shared" si="0"/>
        <v>25</v>
      </c>
      <c r="J13" s="11">
        <f t="shared" si="0"/>
        <v>26</v>
      </c>
      <c r="K13" s="11">
        <f t="shared" si="0"/>
        <v>21</v>
      </c>
      <c r="L13" s="11">
        <f t="shared" si="0"/>
        <v>21</v>
      </c>
      <c r="M13" s="11">
        <f t="shared" si="0"/>
        <v>17</v>
      </c>
      <c r="N13" s="11">
        <f t="shared" si="0"/>
        <v>14</v>
      </c>
      <c r="O13" s="11">
        <f t="shared" si="0"/>
        <v>12</v>
      </c>
      <c r="P13" s="11">
        <f t="shared" si="0"/>
        <v>11</v>
      </c>
      <c r="Q13" s="11">
        <f t="shared" si="0"/>
        <v>9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34</v>
      </c>
      <c r="H14" s="11">
        <f t="shared" si="0"/>
        <v>29</v>
      </c>
      <c r="I14" s="11">
        <f t="shared" si="0"/>
        <v>33</v>
      </c>
      <c r="J14" s="11">
        <f t="shared" si="0"/>
        <v>28</v>
      </c>
      <c r="K14" s="11">
        <f t="shared" si="0"/>
        <v>24</v>
      </c>
      <c r="L14" s="11">
        <f t="shared" si="0"/>
        <v>17</v>
      </c>
      <c r="M14" s="11">
        <f t="shared" si="0"/>
        <v>18</v>
      </c>
      <c r="N14" s="11">
        <f t="shared" si="0"/>
        <v>20</v>
      </c>
      <c r="O14" s="11">
        <f t="shared" si="0"/>
        <v>21</v>
      </c>
      <c r="P14" s="11">
        <f t="shared" si="0"/>
        <v>17</v>
      </c>
      <c r="Q14" s="11">
        <f t="shared" si="0"/>
        <v>17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46</v>
      </c>
      <c r="H15" s="11">
        <f t="shared" si="0"/>
        <v>35</v>
      </c>
      <c r="I15" s="11">
        <f t="shared" si="0"/>
        <v>30</v>
      </c>
      <c r="J15" s="11">
        <f t="shared" si="0"/>
        <v>29</v>
      </c>
      <c r="K15" s="11">
        <f t="shared" si="0"/>
        <v>33</v>
      </c>
      <c r="L15" s="11">
        <f t="shared" si="0"/>
        <v>38</v>
      </c>
      <c r="M15" s="11">
        <f t="shared" si="0"/>
        <v>37</v>
      </c>
      <c r="N15" s="11">
        <f t="shared" si="0"/>
        <v>29</v>
      </c>
      <c r="O15" s="11">
        <f t="shared" si="0"/>
        <v>26</v>
      </c>
      <c r="P15" s="11">
        <f t="shared" si="0"/>
        <v>21</v>
      </c>
      <c r="Q15" s="11">
        <f t="shared" si="0"/>
        <v>16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48</v>
      </c>
      <c r="H16" s="11">
        <f t="shared" si="0"/>
        <v>42</v>
      </c>
      <c r="I16" s="11">
        <f t="shared" si="0"/>
        <v>35</v>
      </c>
      <c r="J16" s="11">
        <f t="shared" si="0"/>
        <v>30</v>
      </c>
      <c r="K16" s="11">
        <f t="shared" si="0"/>
        <v>28</v>
      </c>
      <c r="L16" s="11">
        <f t="shared" si="0"/>
        <v>28</v>
      </c>
      <c r="M16" s="11">
        <f t="shared" si="0"/>
        <v>25</v>
      </c>
      <c r="N16" s="11">
        <f t="shared" si="0"/>
        <v>33</v>
      </c>
      <c r="O16" s="11">
        <f t="shared" si="0"/>
        <v>29</v>
      </c>
      <c r="P16" s="11">
        <f t="shared" si="0"/>
        <v>34</v>
      </c>
      <c r="Q16" s="11">
        <f t="shared" si="0"/>
        <v>36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32</v>
      </c>
      <c r="H17" s="11">
        <f t="shared" si="0"/>
        <v>49</v>
      </c>
      <c r="I17" s="11">
        <f t="shared" si="0"/>
        <v>41</v>
      </c>
      <c r="J17" s="11">
        <f t="shared" si="0"/>
        <v>39</v>
      </c>
      <c r="K17" s="11">
        <f t="shared" si="0"/>
        <v>40</v>
      </c>
      <c r="L17" s="11">
        <f t="shared" si="0"/>
        <v>34</v>
      </c>
      <c r="M17" s="11">
        <f t="shared" si="0"/>
        <v>27</v>
      </c>
      <c r="N17" s="11">
        <f t="shared" si="0"/>
        <v>32</v>
      </c>
      <c r="O17" s="11">
        <f t="shared" si="0"/>
        <v>25</v>
      </c>
      <c r="P17" s="11">
        <f t="shared" si="0"/>
        <v>25</v>
      </c>
      <c r="Q17" s="11">
        <f t="shared" si="0"/>
        <v>25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50</v>
      </c>
      <c r="H18" s="14">
        <f t="shared" si="0"/>
        <v>30</v>
      </c>
      <c r="I18" s="14">
        <f t="shared" si="0"/>
        <v>46</v>
      </c>
      <c r="J18" s="14">
        <f t="shared" si="0"/>
        <v>55</v>
      </c>
      <c r="K18" s="14">
        <f t="shared" si="0"/>
        <v>49</v>
      </c>
      <c r="L18" s="14">
        <f t="shared" si="0"/>
        <v>47</v>
      </c>
      <c r="M18" s="14">
        <f t="shared" si="0"/>
        <v>50</v>
      </c>
      <c r="N18" s="14">
        <f t="shared" si="0"/>
        <v>39</v>
      </c>
      <c r="O18" s="14">
        <f t="shared" si="0"/>
        <v>37</v>
      </c>
      <c r="P18" s="14">
        <f t="shared" si="0"/>
        <v>36</v>
      </c>
      <c r="Q18" s="14">
        <f t="shared" si="0"/>
        <v>33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50</v>
      </c>
      <c r="H19" s="14">
        <f t="shared" si="0"/>
        <v>42</v>
      </c>
      <c r="I19" s="14">
        <f t="shared" si="0"/>
        <v>29</v>
      </c>
      <c r="J19" s="14">
        <f t="shared" si="0"/>
        <v>31</v>
      </c>
      <c r="K19" s="14">
        <f t="shared" si="0"/>
        <v>33</v>
      </c>
      <c r="L19" s="14">
        <f t="shared" si="0"/>
        <v>33</v>
      </c>
      <c r="M19" s="14">
        <f t="shared" si="0"/>
        <v>35</v>
      </c>
      <c r="N19" s="14">
        <f t="shared" si="0"/>
        <v>41</v>
      </c>
      <c r="O19" s="14">
        <f t="shared" si="0"/>
        <v>48</v>
      </c>
      <c r="P19" s="14">
        <f t="shared" si="0"/>
        <v>48</v>
      </c>
      <c r="Q19" s="14">
        <f t="shared" si="0"/>
        <v>45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48</v>
      </c>
      <c r="H20" s="14">
        <f t="shared" si="0"/>
        <v>46</v>
      </c>
      <c r="I20" s="14">
        <f t="shared" si="0"/>
        <v>37</v>
      </c>
      <c r="J20" s="14">
        <f t="shared" si="0"/>
        <v>35</v>
      </c>
      <c r="K20" s="14">
        <f t="shared" si="0"/>
        <v>33</v>
      </c>
      <c r="L20" s="14">
        <f t="shared" si="0"/>
        <v>33</v>
      </c>
      <c r="M20" s="14">
        <f t="shared" si="0"/>
        <v>32</v>
      </c>
      <c r="N20" s="14">
        <f t="shared" si="0"/>
        <v>25</v>
      </c>
      <c r="O20" s="14">
        <f t="shared" si="0"/>
        <v>26</v>
      </c>
      <c r="P20" s="14">
        <f t="shared" si="0"/>
        <v>25</v>
      </c>
      <c r="Q20" s="14">
        <f t="shared" si="0"/>
        <v>31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23</v>
      </c>
      <c r="H21" s="14">
        <f t="shared" si="1"/>
        <v>40</v>
      </c>
      <c r="I21" s="14">
        <f t="shared" si="1"/>
        <v>36</v>
      </c>
      <c r="J21" s="14">
        <f t="shared" si="1"/>
        <v>37</v>
      </c>
      <c r="K21" s="14">
        <f t="shared" si="1"/>
        <v>33</v>
      </c>
      <c r="L21" s="14">
        <f t="shared" si="1"/>
        <v>32</v>
      </c>
      <c r="M21" s="14">
        <f t="shared" si="1"/>
        <v>34</v>
      </c>
      <c r="N21" s="14">
        <f t="shared" si="1"/>
        <v>38</v>
      </c>
      <c r="O21" s="14">
        <f t="shared" si="1"/>
        <v>35</v>
      </c>
      <c r="P21" s="14">
        <f t="shared" si="1"/>
        <v>26</v>
      </c>
      <c r="Q21" s="14">
        <f t="shared" si="1"/>
        <v>24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21</v>
      </c>
      <c r="H22" s="14">
        <f t="shared" si="1"/>
        <v>19</v>
      </c>
      <c r="I22" s="14">
        <f t="shared" si="1"/>
        <v>28</v>
      </c>
      <c r="J22" s="14">
        <f t="shared" si="1"/>
        <v>17</v>
      </c>
      <c r="K22" s="14">
        <f t="shared" si="1"/>
        <v>27</v>
      </c>
      <c r="L22" s="14">
        <f t="shared" si="1"/>
        <v>26</v>
      </c>
      <c r="M22" s="14">
        <f t="shared" si="1"/>
        <v>27</v>
      </c>
      <c r="N22" s="14">
        <f t="shared" si="1"/>
        <v>26</v>
      </c>
      <c r="O22" s="14">
        <f t="shared" si="1"/>
        <v>28</v>
      </c>
      <c r="P22" s="14">
        <f t="shared" si="1"/>
        <v>26</v>
      </c>
      <c r="Q22" s="14">
        <f t="shared" si="1"/>
        <v>26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0</v>
      </c>
      <c r="H23" s="14">
        <f t="shared" si="1"/>
        <v>11</v>
      </c>
      <c r="I23" s="14">
        <f t="shared" si="1"/>
        <v>9</v>
      </c>
      <c r="J23" s="14">
        <f t="shared" si="1"/>
        <v>20</v>
      </c>
      <c r="K23" s="14">
        <f t="shared" si="1"/>
        <v>16</v>
      </c>
      <c r="L23" s="14">
        <f t="shared" si="1"/>
        <v>19</v>
      </c>
      <c r="M23" s="14">
        <f t="shared" si="1"/>
        <v>19</v>
      </c>
      <c r="N23" s="14">
        <f t="shared" si="1"/>
        <v>19</v>
      </c>
      <c r="O23" s="14">
        <f t="shared" si="1"/>
        <v>9</v>
      </c>
      <c r="P23" s="14">
        <f t="shared" si="1"/>
        <v>16</v>
      </c>
      <c r="Q23" s="14">
        <f t="shared" si="1"/>
        <v>15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</v>
      </c>
      <c r="H24" s="14">
        <f t="shared" si="1"/>
        <v>0</v>
      </c>
      <c r="I24" s="14">
        <f t="shared" si="1"/>
        <v>2</v>
      </c>
      <c r="J24" s="14">
        <f t="shared" si="1"/>
        <v>2</v>
      </c>
      <c r="K24" s="14">
        <f t="shared" si="1"/>
        <v>4</v>
      </c>
      <c r="L24" s="14">
        <f t="shared" si="1"/>
        <v>6</v>
      </c>
      <c r="M24" s="14">
        <f t="shared" si="1"/>
        <v>5</v>
      </c>
      <c r="N24" s="14">
        <f t="shared" si="1"/>
        <v>5</v>
      </c>
      <c r="O24" s="14">
        <f t="shared" si="1"/>
        <v>12</v>
      </c>
      <c r="P24" s="14">
        <f t="shared" si="1"/>
        <v>7</v>
      </c>
      <c r="Q24" s="14">
        <f t="shared" si="1"/>
        <v>8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1</v>
      </c>
      <c r="I25" s="14">
        <f t="shared" si="1"/>
        <v>1</v>
      </c>
      <c r="J25" s="14">
        <f t="shared" si="1"/>
        <v>0</v>
      </c>
      <c r="K25" s="14">
        <f t="shared" si="1"/>
        <v>0</v>
      </c>
      <c r="L25" s="14">
        <f t="shared" si="1"/>
        <v>0</v>
      </c>
      <c r="M25" s="14">
        <f t="shared" si="1"/>
        <v>0</v>
      </c>
      <c r="N25" s="14">
        <f t="shared" si="1"/>
        <v>0</v>
      </c>
      <c r="O25" s="14">
        <f t="shared" si="1"/>
        <v>0</v>
      </c>
      <c r="P25" s="14">
        <f t="shared" si="1"/>
        <v>1</v>
      </c>
      <c r="Q25" s="14">
        <f t="shared" si="1"/>
        <v>1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635</v>
      </c>
      <c r="H26" s="17">
        <f>SUM(H5:H25)</f>
        <v>574</v>
      </c>
      <c r="I26" s="17">
        <f t="shared" ref="I26:N26" si="2">SUM(I5:I25)</f>
        <v>500</v>
      </c>
      <c r="J26" s="17">
        <f t="shared" si="2"/>
        <v>472</v>
      </c>
      <c r="K26" s="17">
        <f t="shared" si="2"/>
        <v>461</v>
      </c>
      <c r="L26" s="17">
        <f t="shared" si="2"/>
        <v>444</v>
      </c>
      <c r="M26" s="17">
        <f t="shared" si="2"/>
        <v>418</v>
      </c>
      <c r="N26" s="17">
        <f t="shared" si="2"/>
        <v>405</v>
      </c>
      <c r="O26" s="17">
        <f>SUM(O5:O25)</f>
        <v>388</v>
      </c>
      <c r="P26" s="17">
        <f>SUM(P5:P25)</f>
        <v>373</v>
      </c>
      <c r="Q26" s="17">
        <f>SUM(Q5:Q25)</f>
        <v>374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81</v>
      </c>
      <c r="H31" s="21">
        <f t="shared" si="3"/>
        <v>69</v>
      </c>
      <c r="I31" s="21">
        <f t="shared" si="3"/>
        <v>41</v>
      </c>
      <c r="J31" s="21">
        <f t="shared" si="3"/>
        <v>30</v>
      </c>
      <c r="K31" s="21">
        <f t="shared" si="3"/>
        <v>25</v>
      </c>
      <c r="L31" s="21">
        <f t="shared" si="3"/>
        <v>25</v>
      </c>
      <c r="M31" s="21">
        <f t="shared" si="3"/>
        <v>17</v>
      </c>
      <c r="N31" s="21">
        <f t="shared" si="3"/>
        <v>14</v>
      </c>
      <c r="O31" s="21">
        <f t="shared" si="3"/>
        <v>12</v>
      </c>
      <c r="P31" s="21">
        <f t="shared" si="3"/>
        <v>15</v>
      </c>
      <c r="Q31" s="21">
        <f t="shared" si="3"/>
        <v>9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351</v>
      </c>
      <c r="H32" s="22">
        <f t="shared" si="4"/>
        <v>316</v>
      </c>
      <c r="I32" s="22">
        <f t="shared" si="4"/>
        <v>271</v>
      </c>
      <c r="J32" s="22">
        <f t="shared" si="4"/>
        <v>245</v>
      </c>
      <c r="K32" s="22">
        <f t="shared" si="4"/>
        <v>241</v>
      </c>
      <c r="L32" s="22">
        <f t="shared" si="4"/>
        <v>223</v>
      </c>
      <c r="M32" s="22">
        <f t="shared" si="4"/>
        <v>199</v>
      </c>
      <c r="N32" s="22">
        <f t="shared" si="4"/>
        <v>198</v>
      </c>
      <c r="O32" s="22">
        <f t="shared" si="4"/>
        <v>181</v>
      </c>
      <c r="P32" s="22">
        <f t="shared" si="4"/>
        <v>173</v>
      </c>
      <c r="Q32" s="22">
        <f t="shared" si="4"/>
        <v>182</v>
      </c>
    </row>
    <row r="33" spans="1:20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203</v>
      </c>
      <c r="H33" s="23">
        <f t="shared" si="5"/>
        <v>189</v>
      </c>
      <c r="I33" s="23">
        <f t="shared" si="5"/>
        <v>188</v>
      </c>
      <c r="J33" s="23">
        <f t="shared" si="5"/>
        <v>197</v>
      </c>
      <c r="K33" s="23">
        <f t="shared" si="5"/>
        <v>195</v>
      </c>
      <c r="L33" s="23">
        <f t="shared" si="5"/>
        <v>196</v>
      </c>
      <c r="M33" s="23">
        <f t="shared" si="5"/>
        <v>202</v>
      </c>
      <c r="N33" s="23">
        <f t="shared" si="5"/>
        <v>193</v>
      </c>
      <c r="O33" s="23">
        <f t="shared" si="5"/>
        <v>195</v>
      </c>
      <c r="P33" s="23">
        <f t="shared" si="5"/>
        <v>185</v>
      </c>
      <c r="Q33" s="23">
        <f t="shared" si="5"/>
        <v>183</v>
      </c>
    </row>
    <row r="34" spans="1:20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635</v>
      </c>
      <c r="H34" s="24">
        <f>SUM(H31:H33)</f>
        <v>574</v>
      </c>
      <c r="I34" s="24">
        <f t="shared" ref="I34:N34" si="6">SUM(I31:I33)</f>
        <v>500</v>
      </c>
      <c r="J34" s="24">
        <f t="shared" si="6"/>
        <v>472</v>
      </c>
      <c r="K34" s="24">
        <f t="shared" si="6"/>
        <v>461</v>
      </c>
      <c r="L34" s="24">
        <f t="shared" si="6"/>
        <v>444</v>
      </c>
      <c r="M34" s="24">
        <f t="shared" si="6"/>
        <v>418</v>
      </c>
      <c r="N34" s="24">
        <f t="shared" si="6"/>
        <v>405</v>
      </c>
      <c r="O34" s="24">
        <f>SUM(O31:O33)</f>
        <v>388</v>
      </c>
      <c r="P34" s="24">
        <f>SUM(P31:P33)</f>
        <v>373</v>
      </c>
      <c r="Q34" s="24">
        <f>SUM(Q31:Q33)</f>
        <v>374</v>
      </c>
    </row>
    <row r="35" spans="1:20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0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0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0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0" ht="23.25" customHeight="1" x14ac:dyDescent="0.2">
      <c r="A39" s="6" t="s">
        <v>33</v>
      </c>
      <c r="B39" s="71" t="s">
        <v>7</v>
      </c>
      <c r="C39" s="71" t="s">
        <v>7</v>
      </c>
      <c r="D39" s="71" t="s">
        <v>7</v>
      </c>
      <c r="E39" s="71" t="s">
        <v>7</v>
      </c>
      <c r="F39" s="71" t="s">
        <v>7</v>
      </c>
      <c r="G39" s="77">
        <f t="shared" ref="G39:Q39" si="7">ROUND(G31/G34*100,1)</f>
        <v>12.8</v>
      </c>
      <c r="H39" s="77">
        <f t="shared" si="7"/>
        <v>12</v>
      </c>
      <c r="I39" s="77">
        <f t="shared" si="7"/>
        <v>8.1999999999999993</v>
      </c>
      <c r="J39" s="77">
        <f t="shared" si="7"/>
        <v>6.4</v>
      </c>
      <c r="K39" s="77">
        <f t="shared" si="7"/>
        <v>5.4</v>
      </c>
      <c r="L39" s="77">
        <f t="shared" si="7"/>
        <v>5.6</v>
      </c>
      <c r="M39" s="77">
        <f t="shared" si="7"/>
        <v>4.0999999999999996</v>
      </c>
      <c r="N39" s="77">
        <f t="shared" si="7"/>
        <v>3.5</v>
      </c>
      <c r="O39" s="77">
        <f t="shared" si="7"/>
        <v>3.1</v>
      </c>
      <c r="P39" s="77">
        <f t="shared" si="7"/>
        <v>4</v>
      </c>
      <c r="Q39" s="77">
        <f t="shared" si="7"/>
        <v>2.4</v>
      </c>
    </row>
    <row r="40" spans="1:20" ht="23.25" customHeight="1" x14ac:dyDescent="0.2">
      <c r="A40" s="9" t="s">
        <v>34</v>
      </c>
      <c r="B40" s="73" t="s">
        <v>7</v>
      </c>
      <c r="C40" s="73" t="s">
        <v>7</v>
      </c>
      <c r="D40" s="73" t="s">
        <v>7</v>
      </c>
      <c r="E40" s="73" t="s">
        <v>7</v>
      </c>
      <c r="F40" s="73" t="s">
        <v>7</v>
      </c>
      <c r="G40" s="78">
        <f t="shared" ref="G40:Q40" si="8">ROUND(G32/G34*100,1)</f>
        <v>55.3</v>
      </c>
      <c r="H40" s="78">
        <f t="shared" si="8"/>
        <v>55.1</v>
      </c>
      <c r="I40" s="78">
        <f t="shared" si="8"/>
        <v>54.2</v>
      </c>
      <c r="J40" s="78">
        <f t="shared" si="8"/>
        <v>51.9</v>
      </c>
      <c r="K40" s="78">
        <f t="shared" si="8"/>
        <v>52.3</v>
      </c>
      <c r="L40" s="78">
        <f t="shared" si="8"/>
        <v>50.2</v>
      </c>
      <c r="M40" s="78">
        <f t="shared" si="8"/>
        <v>47.6</v>
      </c>
      <c r="N40" s="78">
        <f t="shared" si="8"/>
        <v>48.9</v>
      </c>
      <c r="O40" s="78">
        <f t="shared" si="8"/>
        <v>46.6</v>
      </c>
      <c r="P40" s="78">
        <f t="shared" si="8"/>
        <v>46.4</v>
      </c>
      <c r="Q40" s="78">
        <f t="shared" si="8"/>
        <v>48.7</v>
      </c>
    </row>
    <row r="41" spans="1:20" ht="23.25" customHeight="1" x14ac:dyDescent="0.2">
      <c r="A41" s="12" t="s">
        <v>35</v>
      </c>
      <c r="B41" s="75" t="s">
        <v>7</v>
      </c>
      <c r="C41" s="75" t="s">
        <v>7</v>
      </c>
      <c r="D41" s="75" t="s">
        <v>7</v>
      </c>
      <c r="E41" s="75" t="s">
        <v>7</v>
      </c>
      <c r="F41" s="75" t="s">
        <v>7</v>
      </c>
      <c r="G41" s="79">
        <f t="shared" ref="G41:Q41" si="9">ROUND(G33/G34*100,1)</f>
        <v>32</v>
      </c>
      <c r="H41" s="79">
        <f t="shared" si="9"/>
        <v>32.9</v>
      </c>
      <c r="I41" s="79">
        <f t="shared" si="9"/>
        <v>37.6</v>
      </c>
      <c r="J41" s="79">
        <f t="shared" si="9"/>
        <v>41.7</v>
      </c>
      <c r="K41" s="79">
        <f t="shared" si="9"/>
        <v>42.3</v>
      </c>
      <c r="L41" s="79">
        <f t="shared" si="9"/>
        <v>44.1</v>
      </c>
      <c r="M41" s="79">
        <f t="shared" si="9"/>
        <v>48.3</v>
      </c>
      <c r="N41" s="79">
        <f t="shared" si="9"/>
        <v>47.7</v>
      </c>
      <c r="O41" s="79">
        <f t="shared" si="9"/>
        <v>50.3</v>
      </c>
      <c r="P41" s="79">
        <f t="shared" si="9"/>
        <v>49.6</v>
      </c>
      <c r="Q41" s="79">
        <f t="shared" si="9"/>
        <v>48.9</v>
      </c>
    </row>
    <row r="42" spans="1:20" ht="23.25" customHeight="1" x14ac:dyDescent="0.2">
      <c r="A42" s="5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0" ht="23.25" customHeight="1" x14ac:dyDescent="0.2">
      <c r="A43" s="5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0" ht="23.25" customHeight="1" x14ac:dyDescent="0.2">
      <c r="A44" s="5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0" ht="23.25" customHeight="1" x14ac:dyDescent="0.2">
      <c r="A45" s="5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0" ht="23.25" customHeight="1" x14ac:dyDescent="0.2">
      <c r="A46" s="5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0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0" ht="23.25" customHeight="1" thickTop="1" x14ac:dyDescent="0.2">
      <c r="A48" s="4"/>
      <c r="B48" s="4"/>
      <c r="C48" s="60" t="s">
        <v>39</v>
      </c>
      <c r="D48" s="61"/>
      <c r="E48" s="61"/>
      <c r="F48" s="62"/>
      <c r="J48" s="60" t="s">
        <v>40</v>
      </c>
      <c r="K48" s="61"/>
      <c r="L48" s="61"/>
      <c r="M48" s="61"/>
      <c r="N48" s="61"/>
      <c r="O48" s="62"/>
      <c r="P48" s="4"/>
      <c r="Q48" s="4"/>
      <c r="R48" s="4"/>
      <c r="S48" s="4"/>
      <c r="T48" s="4"/>
    </row>
    <row r="49" spans="1:20" ht="23.25" customHeight="1" thickBot="1" x14ac:dyDescent="0.25">
      <c r="A49" s="4"/>
      <c r="B49" s="4"/>
      <c r="C49" s="63"/>
      <c r="D49" s="64"/>
      <c r="E49" s="64"/>
      <c r="F49" s="65"/>
      <c r="J49" s="63"/>
      <c r="K49" s="64"/>
      <c r="L49" s="64"/>
      <c r="M49" s="64"/>
      <c r="N49" s="64"/>
      <c r="O49" s="65"/>
      <c r="P49" s="4"/>
      <c r="Q49" s="4"/>
      <c r="R49" s="4"/>
      <c r="S49" s="4"/>
      <c r="T49" s="4"/>
    </row>
    <row r="50" spans="1:20" ht="23.25" customHeight="1" thickTop="1" x14ac:dyDescent="0.25">
      <c r="A50" s="4"/>
      <c r="B50" s="4"/>
      <c r="C50" s="66"/>
      <c r="D50" s="66"/>
      <c r="E50" s="66"/>
      <c r="F50" s="4"/>
      <c r="L50" s="67"/>
      <c r="M50" s="67"/>
      <c r="N50" s="67"/>
      <c r="O50" s="4"/>
      <c r="P50" s="4"/>
      <c r="Q50" s="4"/>
      <c r="R50" s="4"/>
      <c r="S50" s="68"/>
      <c r="T50" s="4"/>
    </row>
    <row r="51" spans="1:20" ht="23.25" customHeight="1" x14ac:dyDescent="0.25">
      <c r="A51" s="4"/>
      <c r="B51" s="68"/>
      <c r="C51" s="68"/>
      <c r="D51" s="68"/>
      <c r="E51" s="68"/>
      <c r="F51" s="67"/>
      <c r="G51" s="67"/>
      <c r="H51" s="67"/>
      <c r="I51" s="67"/>
      <c r="J51" s="67"/>
      <c r="K51" s="67"/>
      <c r="L51" s="67"/>
      <c r="M51" s="67"/>
      <c r="N51" s="67"/>
      <c r="O51" s="4"/>
      <c r="P51" s="4"/>
      <c r="Q51" s="4"/>
      <c r="R51" s="4"/>
      <c r="S51" s="68"/>
      <c r="T51" s="4"/>
    </row>
    <row r="52" spans="1:20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0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0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69"/>
      <c r="O54" s="4"/>
      <c r="P54" s="4"/>
      <c r="Q54" s="4"/>
      <c r="R54" s="4"/>
      <c r="S54" s="4"/>
      <c r="T54" s="4"/>
    </row>
    <row r="55" spans="1:20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0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0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0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0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0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0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0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0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0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5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16</v>
      </c>
      <c r="H84" s="8">
        <v>11</v>
      </c>
      <c r="I84" s="8">
        <v>3</v>
      </c>
      <c r="J84" s="8">
        <v>5</v>
      </c>
      <c r="K84" s="8">
        <v>4</v>
      </c>
      <c r="L84" s="8">
        <v>4</v>
      </c>
      <c r="M84" s="8">
        <v>1</v>
      </c>
      <c r="N84" s="21">
        <v>1</v>
      </c>
      <c r="O84" s="21">
        <v>1</v>
      </c>
      <c r="P84" s="21">
        <v>1</v>
      </c>
      <c r="Q84" s="21">
        <v>1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15</v>
      </c>
      <c r="H85" s="8">
        <v>15</v>
      </c>
      <c r="I85" s="8">
        <v>6</v>
      </c>
      <c r="J85" s="8">
        <v>3</v>
      </c>
      <c r="K85" s="8">
        <v>3</v>
      </c>
      <c r="L85" s="8">
        <v>4</v>
      </c>
      <c r="M85" s="8">
        <v>1</v>
      </c>
      <c r="N85" s="21">
        <v>1</v>
      </c>
      <c r="O85" s="21">
        <v>2</v>
      </c>
      <c r="P85" s="21">
        <v>2</v>
      </c>
      <c r="Q85" s="21">
        <v>1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10</v>
      </c>
      <c r="H86" s="8">
        <v>13</v>
      </c>
      <c r="I86" s="8">
        <v>13</v>
      </c>
      <c r="J86" s="8">
        <v>10</v>
      </c>
      <c r="K86" s="8">
        <v>7</v>
      </c>
      <c r="L86" s="8">
        <v>5</v>
      </c>
      <c r="M86" s="8">
        <v>6</v>
      </c>
      <c r="N86" s="21">
        <v>4</v>
      </c>
      <c r="O86" s="21">
        <v>3</v>
      </c>
      <c r="P86" s="21">
        <v>3</v>
      </c>
      <c r="Q86" s="21">
        <v>4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4</v>
      </c>
      <c r="H87" s="11">
        <v>9</v>
      </c>
      <c r="I87" s="11">
        <v>13</v>
      </c>
      <c r="J87" s="11">
        <v>11</v>
      </c>
      <c r="K87" s="11">
        <v>12</v>
      </c>
      <c r="L87" s="11">
        <v>8</v>
      </c>
      <c r="M87" s="11">
        <v>8</v>
      </c>
      <c r="N87" s="22">
        <v>9</v>
      </c>
      <c r="O87" s="22">
        <v>5</v>
      </c>
      <c r="P87" s="22">
        <v>5</v>
      </c>
      <c r="Q87" s="22">
        <v>4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10</v>
      </c>
      <c r="H88" s="11">
        <v>17</v>
      </c>
      <c r="I88" s="11">
        <v>7</v>
      </c>
      <c r="J88" s="11">
        <v>9</v>
      </c>
      <c r="K88" s="11">
        <v>9</v>
      </c>
      <c r="L88" s="11">
        <v>9</v>
      </c>
      <c r="M88" s="11">
        <v>9</v>
      </c>
      <c r="N88" s="22">
        <v>7</v>
      </c>
      <c r="O88" s="22">
        <v>9</v>
      </c>
      <c r="P88" s="22">
        <v>9</v>
      </c>
      <c r="Q88" s="22">
        <v>9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18</v>
      </c>
      <c r="H89" s="11">
        <v>9</v>
      </c>
      <c r="I89" s="11">
        <v>13</v>
      </c>
      <c r="J89" s="11">
        <v>13</v>
      </c>
      <c r="K89" s="11">
        <v>11</v>
      </c>
      <c r="L89" s="11">
        <v>9</v>
      </c>
      <c r="M89" s="11">
        <v>8</v>
      </c>
      <c r="N89" s="22">
        <v>6</v>
      </c>
      <c r="O89" s="22">
        <v>3</v>
      </c>
      <c r="P89" s="22">
        <v>2</v>
      </c>
      <c r="Q89" s="22">
        <v>16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18</v>
      </c>
      <c r="H90" s="11">
        <v>13</v>
      </c>
      <c r="I90" s="11">
        <v>8</v>
      </c>
      <c r="J90" s="11">
        <v>9</v>
      </c>
      <c r="K90" s="11">
        <v>13</v>
      </c>
      <c r="L90" s="11">
        <v>14</v>
      </c>
      <c r="M90" s="11">
        <v>13</v>
      </c>
      <c r="N90" s="22">
        <v>11</v>
      </c>
      <c r="O90" s="22">
        <v>11</v>
      </c>
      <c r="P90" s="22">
        <v>8</v>
      </c>
      <c r="Q90" s="22">
        <v>9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20</v>
      </c>
      <c r="H91" s="11">
        <v>15</v>
      </c>
      <c r="I91" s="11">
        <v>7</v>
      </c>
      <c r="J91" s="11">
        <v>5</v>
      </c>
      <c r="K91" s="11">
        <v>5</v>
      </c>
      <c r="L91" s="11">
        <v>6</v>
      </c>
      <c r="M91" s="11">
        <v>5</v>
      </c>
      <c r="N91" s="22">
        <v>5</v>
      </c>
      <c r="O91" s="22">
        <v>5</v>
      </c>
      <c r="P91" s="22">
        <v>8</v>
      </c>
      <c r="Q91" s="22">
        <v>8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12</v>
      </c>
      <c r="H92" s="11">
        <v>18</v>
      </c>
      <c r="I92" s="11">
        <v>11</v>
      </c>
      <c r="J92" s="11">
        <v>12</v>
      </c>
      <c r="K92" s="11">
        <v>11</v>
      </c>
      <c r="L92" s="11">
        <v>10</v>
      </c>
      <c r="M92" s="11">
        <v>7</v>
      </c>
      <c r="N92" s="22">
        <v>5</v>
      </c>
      <c r="O92" s="22">
        <v>4</v>
      </c>
      <c r="P92" s="22">
        <v>4</v>
      </c>
      <c r="Q92" s="22">
        <v>4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21</v>
      </c>
      <c r="H93" s="11">
        <v>11</v>
      </c>
      <c r="I93" s="11">
        <v>17</v>
      </c>
      <c r="J93" s="11">
        <v>17</v>
      </c>
      <c r="K93" s="11">
        <v>13</v>
      </c>
      <c r="L93" s="11">
        <v>10</v>
      </c>
      <c r="M93" s="11">
        <v>11</v>
      </c>
      <c r="N93" s="22">
        <v>10</v>
      </c>
      <c r="O93" s="22">
        <v>11</v>
      </c>
      <c r="P93" s="22">
        <v>9</v>
      </c>
      <c r="Q93" s="22">
        <v>8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24</v>
      </c>
      <c r="H94" s="11">
        <v>22</v>
      </c>
      <c r="I94" s="11">
        <v>12</v>
      </c>
      <c r="J94" s="11">
        <v>11</v>
      </c>
      <c r="K94" s="11">
        <v>15</v>
      </c>
      <c r="L94" s="11">
        <v>18</v>
      </c>
      <c r="M94" s="11">
        <v>16</v>
      </c>
      <c r="N94" s="22">
        <v>15</v>
      </c>
      <c r="O94" s="22">
        <v>16</v>
      </c>
      <c r="P94" s="22">
        <v>12</v>
      </c>
      <c r="Q94" s="22">
        <v>9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28</v>
      </c>
      <c r="H95" s="11">
        <v>22</v>
      </c>
      <c r="I95" s="11">
        <v>23</v>
      </c>
      <c r="J95" s="11">
        <v>20</v>
      </c>
      <c r="K95" s="11">
        <v>14</v>
      </c>
      <c r="L95" s="11">
        <v>12</v>
      </c>
      <c r="M95" s="11">
        <v>11</v>
      </c>
      <c r="N95" s="22">
        <v>13</v>
      </c>
      <c r="O95" s="22">
        <v>10</v>
      </c>
      <c r="P95" s="22">
        <v>15</v>
      </c>
      <c r="Q95" s="22">
        <v>17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14</v>
      </c>
      <c r="H96" s="11">
        <v>29</v>
      </c>
      <c r="I96" s="11">
        <v>21</v>
      </c>
      <c r="J96" s="11">
        <v>19</v>
      </c>
      <c r="K96" s="11">
        <v>20</v>
      </c>
      <c r="L96" s="11">
        <v>19</v>
      </c>
      <c r="M96" s="11">
        <v>16</v>
      </c>
      <c r="N96" s="22">
        <v>20</v>
      </c>
      <c r="O96" s="22">
        <v>15</v>
      </c>
      <c r="P96" s="22">
        <v>11</v>
      </c>
      <c r="Q96" s="22">
        <v>9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9</v>
      </c>
      <c r="H97" s="14">
        <v>14</v>
      </c>
      <c r="I97" s="14">
        <v>26</v>
      </c>
      <c r="J97" s="14">
        <v>31</v>
      </c>
      <c r="K97" s="14">
        <v>28</v>
      </c>
      <c r="L97" s="14">
        <v>23</v>
      </c>
      <c r="M97" s="14">
        <v>25</v>
      </c>
      <c r="N97" s="23">
        <v>19</v>
      </c>
      <c r="O97" s="23">
        <v>17</v>
      </c>
      <c r="P97" s="23">
        <v>17</v>
      </c>
      <c r="Q97" s="23">
        <v>20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28</v>
      </c>
      <c r="H98" s="14">
        <v>14</v>
      </c>
      <c r="I98" s="14">
        <v>14</v>
      </c>
      <c r="J98" s="14">
        <v>13</v>
      </c>
      <c r="K98" s="14">
        <v>13</v>
      </c>
      <c r="L98" s="14">
        <v>14</v>
      </c>
      <c r="M98" s="14">
        <v>16</v>
      </c>
      <c r="N98" s="23">
        <v>22</v>
      </c>
      <c r="O98" s="23">
        <v>26</v>
      </c>
      <c r="P98" s="23">
        <v>28</v>
      </c>
      <c r="Q98" s="23">
        <v>22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17</v>
      </c>
      <c r="H99" s="14">
        <v>25</v>
      </c>
      <c r="I99" s="14">
        <v>12</v>
      </c>
      <c r="J99" s="14">
        <v>14</v>
      </c>
      <c r="K99" s="14">
        <v>14</v>
      </c>
      <c r="L99" s="14">
        <v>16</v>
      </c>
      <c r="M99" s="14">
        <v>15</v>
      </c>
      <c r="N99" s="23">
        <v>10</v>
      </c>
      <c r="O99" s="23">
        <v>9</v>
      </c>
      <c r="P99" s="23">
        <v>7</v>
      </c>
      <c r="Q99" s="23">
        <v>13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8</v>
      </c>
      <c r="H100" s="14">
        <v>13</v>
      </c>
      <c r="I100" s="14">
        <v>16</v>
      </c>
      <c r="J100" s="14">
        <v>14</v>
      </c>
      <c r="K100" s="14">
        <v>13</v>
      </c>
      <c r="L100" s="14">
        <v>12</v>
      </c>
      <c r="M100" s="14">
        <v>11</v>
      </c>
      <c r="N100" s="23">
        <v>12</v>
      </c>
      <c r="O100" s="23">
        <v>13</v>
      </c>
      <c r="P100" s="23">
        <v>8</v>
      </c>
      <c r="Q100" s="23">
        <v>9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5</v>
      </c>
      <c r="H101" s="14">
        <v>7</v>
      </c>
      <c r="I101" s="14">
        <v>10</v>
      </c>
      <c r="J101" s="14">
        <v>7</v>
      </c>
      <c r="K101" s="14">
        <v>12</v>
      </c>
      <c r="L101" s="14">
        <v>11</v>
      </c>
      <c r="M101" s="14">
        <v>10</v>
      </c>
      <c r="N101" s="23">
        <v>9</v>
      </c>
      <c r="O101" s="23">
        <v>8</v>
      </c>
      <c r="P101" s="23">
        <v>8</v>
      </c>
      <c r="Q101" s="23">
        <v>9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4</v>
      </c>
      <c r="H102" s="14">
        <v>2</v>
      </c>
      <c r="I102" s="14">
        <v>4</v>
      </c>
      <c r="J102" s="14">
        <v>5</v>
      </c>
      <c r="K102" s="14">
        <v>3</v>
      </c>
      <c r="L102" s="14">
        <v>4</v>
      </c>
      <c r="M102" s="14">
        <v>4</v>
      </c>
      <c r="N102" s="23">
        <v>5</v>
      </c>
      <c r="O102" s="23">
        <v>4</v>
      </c>
      <c r="P102" s="23">
        <v>7</v>
      </c>
      <c r="Q102" s="23">
        <v>5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0</v>
      </c>
      <c r="I103" s="14">
        <v>0</v>
      </c>
      <c r="J103" s="14">
        <v>1</v>
      </c>
      <c r="K103" s="14">
        <v>2</v>
      </c>
      <c r="L103" s="14">
        <v>2</v>
      </c>
      <c r="M103" s="14">
        <v>2</v>
      </c>
      <c r="N103" s="23">
        <v>1</v>
      </c>
      <c r="O103" s="23">
        <v>1</v>
      </c>
      <c r="P103" s="23">
        <v>0</v>
      </c>
      <c r="Q103" s="23">
        <v>2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301</v>
      </c>
      <c r="H105" s="17">
        <f t="shared" ref="H105:N105" si="10">SUM(H84:H104)</f>
        <v>279</v>
      </c>
      <c r="I105" s="17">
        <f t="shared" si="10"/>
        <v>236</v>
      </c>
      <c r="J105" s="17">
        <f t="shared" si="10"/>
        <v>229</v>
      </c>
      <c r="K105" s="17">
        <f t="shared" si="10"/>
        <v>222</v>
      </c>
      <c r="L105" s="17">
        <f t="shared" si="10"/>
        <v>210</v>
      </c>
      <c r="M105" s="17">
        <f t="shared" si="10"/>
        <v>195</v>
      </c>
      <c r="N105" s="17">
        <f t="shared" si="10"/>
        <v>185</v>
      </c>
      <c r="O105" s="17">
        <f>SUM(O84:O104)</f>
        <v>173</v>
      </c>
      <c r="P105" s="17">
        <f>SUM(P84:P104)</f>
        <v>164</v>
      </c>
      <c r="Q105" s="17">
        <f>SUM(Q84:Q104)</f>
        <v>179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41</v>
      </c>
      <c r="H110" s="8">
        <f t="shared" si="11"/>
        <v>39</v>
      </c>
      <c r="I110" s="8">
        <f t="shared" si="11"/>
        <v>22</v>
      </c>
      <c r="J110" s="8">
        <f t="shared" si="11"/>
        <v>18</v>
      </c>
      <c r="K110" s="8">
        <f t="shared" si="11"/>
        <v>14</v>
      </c>
      <c r="L110" s="8">
        <f t="shared" si="11"/>
        <v>13</v>
      </c>
      <c r="M110" s="8">
        <f t="shared" si="11"/>
        <v>8</v>
      </c>
      <c r="N110" s="8">
        <f t="shared" si="11"/>
        <v>6</v>
      </c>
      <c r="O110" s="8">
        <f t="shared" si="11"/>
        <v>6</v>
      </c>
      <c r="P110" s="8">
        <f t="shared" si="11"/>
        <v>6</v>
      </c>
      <c r="Q110" s="8">
        <v>6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179</v>
      </c>
      <c r="H111" s="11">
        <f t="shared" si="12"/>
        <v>165</v>
      </c>
      <c r="I111" s="11">
        <f t="shared" si="12"/>
        <v>132</v>
      </c>
      <c r="J111" s="11">
        <f t="shared" si="12"/>
        <v>126</v>
      </c>
      <c r="K111" s="11">
        <f t="shared" si="12"/>
        <v>123</v>
      </c>
      <c r="L111" s="11">
        <f t="shared" si="12"/>
        <v>115</v>
      </c>
      <c r="M111" s="11">
        <f t="shared" si="12"/>
        <v>104</v>
      </c>
      <c r="N111" s="11">
        <f t="shared" si="12"/>
        <v>101</v>
      </c>
      <c r="O111" s="11">
        <f t="shared" si="12"/>
        <v>89</v>
      </c>
      <c r="P111" s="11">
        <f t="shared" si="12"/>
        <v>83</v>
      </c>
      <c r="Q111" s="11">
        <v>93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81</v>
      </c>
      <c r="H112" s="14">
        <f t="shared" si="13"/>
        <v>75</v>
      </c>
      <c r="I112" s="14">
        <f t="shared" si="13"/>
        <v>82</v>
      </c>
      <c r="J112" s="14">
        <f t="shared" si="13"/>
        <v>85</v>
      </c>
      <c r="K112" s="14">
        <f t="shared" si="13"/>
        <v>85</v>
      </c>
      <c r="L112" s="14">
        <f t="shared" si="13"/>
        <v>82</v>
      </c>
      <c r="M112" s="14">
        <f t="shared" si="13"/>
        <v>83</v>
      </c>
      <c r="N112" s="14">
        <f t="shared" si="13"/>
        <v>78</v>
      </c>
      <c r="O112" s="14">
        <f t="shared" si="13"/>
        <v>78</v>
      </c>
      <c r="P112" s="14">
        <f t="shared" si="13"/>
        <v>75</v>
      </c>
      <c r="Q112" s="14">
        <v>80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301</v>
      </c>
      <c r="H113" s="17">
        <f t="shared" ref="H113:N113" si="14">SUM(H110:H112)</f>
        <v>279</v>
      </c>
      <c r="I113" s="17">
        <f t="shared" si="14"/>
        <v>236</v>
      </c>
      <c r="J113" s="17">
        <f t="shared" si="14"/>
        <v>229</v>
      </c>
      <c r="K113" s="17">
        <f t="shared" si="14"/>
        <v>222</v>
      </c>
      <c r="L113" s="17">
        <f t="shared" si="14"/>
        <v>210</v>
      </c>
      <c r="M113" s="17">
        <f t="shared" si="14"/>
        <v>195</v>
      </c>
      <c r="N113" s="17">
        <f t="shared" si="14"/>
        <v>185</v>
      </c>
      <c r="O113" s="17">
        <f>SUM(O110:O112)</f>
        <v>173</v>
      </c>
      <c r="P113" s="17">
        <f>SUM(P110:P112)</f>
        <v>164</v>
      </c>
      <c r="Q113" s="17">
        <f>SUM(Q110:Q112)</f>
        <v>179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71" t="s">
        <v>7</v>
      </c>
      <c r="C118" s="71" t="s">
        <v>7</v>
      </c>
      <c r="D118" s="71" t="s">
        <v>7</v>
      </c>
      <c r="E118" s="71" t="s">
        <v>7</v>
      </c>
      <c r="F118" s="71" t="s">
        <v>7</v>
      </c>
      <c r="G118" s="72">
        <f t="shared" ref="G118:Q118" si="15">ROUND(G110/G113*100,1)</f>
        <v>13.6</v>
      </c>
      <c r="H118" s="72">
        <f t="shared" si="15"/>
        <v>14</v>
      </c>
      <c r="I118" s="72">
        <f t="shared" si="15"/>
        <v>9.3000000000000007</v>
      </c>
      <c r="J118" s="72">
        <f t="shared" si="15"/>
        <v>7.9</v>
      </c>
      <c r="K118" s="72">
        <f t="shared" si="15"/>
        <v>6.3</v>
      </c>
      <c r="L118" s="72">
        <f t="shared" si="15"/>
        <v>6.2</v>
      </c>
      <c r="M118" s="72">
        <f t="shared" si="15"/>
        <v>4.0999999999999996</v>
      </c>
      <c r="N118" s="72">
        <f t="shared" si="15"/>
        <v>3.2</v>
      </c>
      <c r="O118" s="72">
        <f t="shared" si="15"/>
        <v>3.5</v>
      </c>
      <c r="P118" s="72">
        <f t="shared" si="15"/>
        <v>3.7</v>
      </c>
      <c r="Q118" s="72">
        <f t="shared" si="15"/>
        <v>3.4</v>
      </c>
    </row>
    <row r="119" spans="1:17" ht="21.75" customHeight="1" x14ac:dyDescent="0.2">
      <c r="A119" s="9" t="s">
        <v>34</v>
      </c>
      <c r="B119" s="73" t="s">
        <v>7</v>
      </c>
      <c r="C119" s="73" t="s">
        <v>7</v>
      </c>
      <c r="D119" s="73" t="s">
        <v>7</v>
      </c>
      <c r="E119" s="73" t="s">
        <v>7</v>
      </c>
      <c r="F119" s="73" t="s">
        <v>7</v>
      </c>
      <c r="G119" s="74">
        <f t="shared" ref="G119:Q119" si="16">ROUND(G111/G113*100,1)</f>
        <v>59.5</v>
      </c>
      <c r="H119" s="74">
        <f t="shared" si="16"/>
        <v>59.1</v>
      </c>
      <c r="I119" s="74">
        <f t="shared" si="16"/>
        <v>55.9</v>
      </c>
      <c r="J119" s="74">
        <f t="shared" si="16"/>
        <v>55</v>
      </c>
      <c r="K119" s="74">
        <f t="shared" si="16"/>
        <v>55.4</v>
      </c>
      <c r="L119" s="74">
        <f t="shared" si="16"/>
        <v>54.8</v>
      </c>
      <c r="M119" s="74">
        <f t="shared" si="16"/>
        <v>53.3</v>
      </c>
      <c r="N119" s="74">
        <f t="shared" si="16"/>
        <v>54.6</v>
      </c>
      <c r="O119" s="74">
        <f t="shared" si="16"/>
        <v>51.4</v>
      </c>
      <c r="P119" s="74">
        <f t="shared" si="16"/>
        <v>50.6</v>
      </c>
      <c r="Q119" s="74">
        <f t="shared" si="16"/>
        <v>52</v>
      </c>
    </row>
    <row r="120" spans="1:17" ht="21.75" customHeight="1" x14ac:dyDescent="0.2">
      <c r="A120" s="12" t="s">
        <v>35</v>
      </c>
      <c r="B120" s="75" t="s">
        <v>7</v>
      </c>
      <c r="C120" s="75" t="s">
        <v>7</v>
      </c>
      <c r="D120" s="75" t="s">
        <v>7</v>
      </c>
      <c r="E120" s="75" t="s">
        <v>7</v>
      </c>
      <c r="F120" s="75" t="s">
        <v>7</v>
      </c>
      <c r="G120" s="76">
        <f t="shared" ref="G120:Q120" si="17">ROUND(G112/G113*100,1)</f>
        <v>26.9</v>
      </c>
      <c r="H120" s="76">
        <f t="shared" si="17"/>
        <v>26.9</v>
      </c>
      <c r="I120" s="76">
        <f t="shared" si="17"/>
        <v>34.700000000000003</v>
      </c>
      <c r="J120" s="76">
        <f t="shared" si="17"/>
        <v>37.1</v>
      </c>
      <c r="K120" s="76">
        <f t="shared" si="17"/>
        <v>38.299999999999997</v>
      </c>
      <c r="L120" s="76">
        <f t="shared" si="17"/>
        <v>39</v>
      </c>
      <c r="M120" s="76">
        <f t="shared" si="17"/>
        <v>42.6</v>
      </c>
      <c r="N120" s="76">
        <f t="shared" si="17"/>
        <v>42.2</v>
      </c>
      <c r="O120" s="76">
        <f t="shared" si="17"/>
        <v>45.1</v>
      </c>
      <c r="P120" s="76">
        <f t="shared" si="17"/>
        <v>45.7</v>
      </c>
      <c r="Q120" s="76">
        <f t="shared" si="17"/>
        <v>44.7</v>
      </c>
    </row>
    <row r="121" spans="1:17" ht="21.75" customHeight="1" x14ac:dyDescent="0.35">
      <c r="A121" s="5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5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5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5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5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5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6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3</v>
      </c>
      <c r="H130" s="8">
        <v>5</v>
      </c>
      <c r="I130" s="8">
        <v>6</v>
      </c>
      <c r="J130" s="8">
        <v>1</v>
      </c>
      <c r="K130" s="8">
        <v>3</v>
      </c>
      <c r="L130" s="8">
        <v>4</v>
      </c>
      <c r="M130" s="8">
        <v>3</v>
      </c>
      <c r="N130" s="21">
        <v>4</v>
      </c>
      <c r="O130" s="21">
        <v>4</v>
      </c>
      <c r="P130" s="21">
        <v>4</v>
      </c>
      <c r="Q130" s="21">
        <v>1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13</v>
      </c>
      <c r="H131" s="8">
        <v>11</v>
      </c>
      <c r="I131" s="8">
        <v>3</v>
      </c>
      <c r="J131" s="8">
        <v>3</v>
      </c>
      <c r="K131" s="8">
        <v>3</v>
      </c>
      <c r="L131" s="8">
        <v>2</v>
      </c>
      <c r="M131" s="8">
        <v>1</v>
      </c>
      <c r="N131" s="21">
        <v>1</v>
      </c>
      <c r="O131" s="21">
        <v>0</v>
      </c>
      <c r="P131" s="21">
        <v>2</v>
      </c>
      <c r="Q131" s="21">
        <v>1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14</v>
      </c>
      <c r="H132" s="8">
        <v>14</v>
      </c>
      <c r="I132" s="8">
        <v>10</v>
      </c>
      <c r="J132" s="8">
        <v>8</v>
      </c>
      <c r="K132" s="8">
        <v>5</v>
      </c>
      <c r="L132" s="8">
        <v>6</v>
      </c>
      <c r="M132" s="8">
        <v>5</v>
      </c>
      <c r="N132" s="21">
        <v>3</v>
      </c>
      <c r="O132" s="21">
        <v>2</v>
      </c>
      <c r="P132" s="21">
        <v>3</v>
      </c>
      <c r="Q132" s="21">
        <v>1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6</v>
      </c>
      <c r="H133" s="11">
        <v>14</v>
      </c>
      <c r="I133" s="11">
        <v>15</v>
      </c>
      <c r="J133" s="11">
        <v>13</v>
      </c>
      <c r="K133" s="11">
        <v>14</v>
      </c>
      <c r="L133" s="11">
        <v>8</v>
      </c>
      <c r="M133" s="11">
        <v>6</v>
      </c>
      <c r="N133" s="22">
        <v>7</v>
      </c>
      <c r="O133" s="22">
        <v>7</v>
      </c>
      <c r="P133" s="22">
        <v>5</v>
      </c>
      <c r="Q133" s="22">
        <v>7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20</v>
      </c>
      <c r="H134" s="11">
        <v>16</v>
      </c>
      <c r="I134" s="11">
        <v>12</v>
      </c>
      <c r="J134" s="11">
        <v>9</v>
      </c>
      <c r="K134" s="11">
        <v>6</v>
      </c>
      <c r="L134" s="11">
        <v>6</v>
      </c>
      <c r="M134" s="11">
        <v>6</v>
      </c>
      <c r="N134" s="22">
        <v>6</v>
      </c>
      <c r="O134" s="22">
        <v>7</v>
      </c>
      <c r="P134" s="22">
        <v>8</v>
      </c>
      <c r="Q134" s="22">
        <v>6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19</v>
      </c>
      <c r="H135" s="11">
        <v>15</v>
      </c>
      <c r="I135" s="11">
        <v>11</v>
      </c>
      <c r="J135" s="11">
        <v>8</v>
      </c>
      <c r="K135" s="11">
        <v>11</v>
      </c>
      <c r="L135" s="11">
        <v>9</v>
      </c>
      <c r="M135" s="11">
        <v>8</v>
      </c>
      <c r="N135" s="22">
        <v>5</v>
      </c>
      <c r="O135" s="22">
        <v>7</v>
      </c>
      <c r="P135" s="22">
        <v>6</v>
      </c>
      <c r="Q135" s="22">
        <v>7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15</v>
      </c>
      <c r="H136" s="11">
        <v>12</v>
      </c>
      <c r="I136" s="11">
        <v>13</v>
      </c>
      <c r="J136" s="11">
        <v>9</v>
      </c>
      <c r="K136" s="11">
        <v>7</v>
      </c>
      <c r="L136" s="11">
        <v>9</v>
      </c>
      <c r="M136" s="11">
        <v>7</v>
      </c>
      <c r="N136" s="22">
        <v>9</v>
      </c>
      <c r="O136" s="22">
        <v>8</v>
      </c>
      <c r="P136" s="22">
        <v>8</v>
      </c>
      <c r="Q136" s="22">
        <v>6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11</v>
      </c>
      <c r="H137" s="11">
        <v>11</v>
      </c>
      <c r="I137" s="11">
        <v>8</v>
      </c>
      <c r="J137" s="11">
        <v>7</v>
      </c>
      <c r="K137" s="11">
        <v>7</v>
      </c>
      <c r="L137" s="11">
        <v>7</v>
      </c>
      <c r="M137" s="11">
        <v>5</v>
      </c>
      <c r="N137" s="22">
        <v>5</v>
      </c>
      <c r="O137" s="22">
        <v>6</v>
      </c>
      <c r="P137" s="22">
        <v>6</v>
      </c>
      <c r="Q137" s="22">
        <v>7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18</v>
      </c>
      <c r="H138" s="11">
        <v>12</v>
      </c>
      <c r="I138" s="11">
        <v>14</v>
      </c>
      <c r="J138" s="11">
        <v>14</v>
      </c>
      <c r="K138" s="11">
        <v>10</v>
      </c>
      <c r="L138" s="11">
        <v>11</v>
      </c>
      <c r="M138" s="11">
        <v>10</v>
      </c>
      <c r="N138" s="22">
        <v>9</v>
      </c>
      <c r="O138" s="22">
        <v>8</v>
      </c>
      <c r="P138" s="22">
        <v>7</v>
      </c>
      <c r="Q138" s="22">
        <v>5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13</v>
      </c>
      <c r="H139" s="11">
        <v>18</v>
      </c>
      <c r="I139" s="11">
        <v>16</v>
      </c>
      <c r="J139" s="11">
        <v>11</v>
      </c>
      <c r="K139" s="11">
        <v>11</v>
      </c>
      <c r="L139" s="11">
        <v>7</v>
      </c>
      <c r="M139" s="11">
        <v>7</v>
      </c>
      <c r="N139" s="22">
        <v>10</v>
      </c>
      <c r="O139" s="22">
        <v>10</v>
      </c>
      <c r="P139" s="22">
        <v>8</v>
      </c>
      <c r="Q139" s="22">
        <v>9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22</v>
      </c>
      <c r="H140" s="11">
        <v>13</v>
      </c>
      <c r="I140" s="11">
        <v>18</v>
      </c>
      <c r="J140" s="11">
        <v>18</v>
      </c>
      <c r="K140" s="11">
        <v>18</v>
      </c>
      <c r="L140" s="11">
        <v>20</v>
      </c>
      <c r="M140" s="11">
        <v>21</v>
      </c>
      <c r="N140" s="22">
        <v>14</v>
      </c>
      <c r="O140" s="22">
        <v>10</v>
      </c>
      <c r="P140" s="22">
        <v>9</v>
      </c>
      <c r="Q140" s="22">
        <v>7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20</v>
      </c>
      <c r="H141" s="11">
        <v>20</v>
      </c>
      <c r="I141" s="11">
        <v>12</v>
      </c>
      <c r="J141" s="11">
        <v>10</v>
      </c>
      <c r="K141" s="11">
        <v>14</v>
      </c>
      <c r="L141" s="11">
        <v>16</v>
      </c>
      <c r="M141" s="11">
        <v>14</v>
      </c>
      <c r="N141" s="22">
        <v>20</v>
      </c>
      <c r="O141" s="22">
        <v>19</v>
      </c>
      <c r="P141" s="22">
        <v>19</v>
      </c>
      <c r="Q141" s="22">
        <v>19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8</v>
      </c>
      <c r="H142" s="11">
        <v>20</v>
      </c>
      <c r="I142" s="11">
        <v>20</v>
      </c>
      <c r="J142" s="11">
        <v>20</v>
      </c>
      <c r="K142" s="11">
        <v>20</v>
      </c>
      <c r="L142" s="11">
        <v>15</v>
      </c>
      <c r="M142" s="11">
        <v>11</v>
      </c>
      <c r="N142" s="22">
        <v>12</v>
      </c>
      <c r="O142" s="22">
        <v>10</v>
      </c>
      <c r="P142" s="22">
        <v>14</v>
      </c>
      <c r="Q142" s="22">
        <v>16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31</v>
      </c>
      <c r="H143" s="14">
        <v>16</v>
      </c>
      <c r="I143" s="14">
        <v>20</v>
      </c>
      <c r="J143" s="14">
        <v>24</v>
      </c>
      <c r="K143" s="14">
        <v>21</v>
      </c>
      <c r="L143" s="14">
        <v>24</v>
      </c>
      <c r="M143" s="14">
        <v>25</v>
      </c>
      <c r="N143" s="23">
        <v>20</v>
      </c>
      <c r="O143" s="23">
        <v>20</v>
      </c>
      <c r="P143" s="23">
        <v>19</v>
      </c>
      <c r="Q143" s="23">
        <v>13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22</v>
      </c>
      <c r="H144" s="14">
        <v>28</v>
      </c>
      <c r="I144" s="14">
        <v>15</v>
      </c>
      <c r="J144" s="14">
        <v>18</v>
      </c>
      <c r="K144" s="14">
        <v>20</v>
      </c>
      <c r="L144" s="14">
        <v>19</v>
      </c>
      <c r="M144" s="14">
        <v>19</v>
      </c>
      <c r="N144" s="23">
        <v>19</v>
      </c>
      <c r="O144" s="23">
        <v>22</v>
      </c>
      <c r="P144" s="23">
        <v>20</v>
      </c>
      <c r="Q144" s="23">
        <v>23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31</v>
      </c>
      <c r="H145" s="14">
        <v>21</v>
      </c>
      <c r="I145" s="14">
        <v>25</v>
      </c>
      <c r="J145" s="14">
        <v>21</v>
      </c>
      <c r="K145" s="14">
        <v>19</v>
      </c>
      <c r="L145" s="14">
        <v>17</v>
      </c>
      <c r="M145" s="14">
        <v>17</v>
      </c>
      <c r="N145" s="23">
        <v>15</v>
      </c>
      <c r="O145" s="23">
        <v>17</v>
      </c>
      <c r="P145" s="23">
        <v>18</v>
      </c>
      <c r="Q145" s="23">
        <v>18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15</v>
      </c>
      <c r="H146" s="14">
        <v>27</v>
      </c>
      <c r="I146" s="14">
        <v>20</v>
      </c>
      <c r="J146" s="14">
        <v>23</v>
      </c>
      <c r="K146" s="14">
        <v>20</v>
      </c>
      <c r="L146" s="14">
        <v>20</v>
      </c>
      <c r="M146" s="14">
        <v>23</v>
      </c>
      <c r="N146" s="23">
        <v>26</v>
      </c>
      <c r="O146" s="23">
        <v>22</v>
      </c>
      <c r="P146" s="23">
        <v>18</v>
      </c>
      <c r="Q146" s="23">
        <v>15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16</v>
      </c>
      <c r="H147" s="14">
        <v>12</v>
      </c>
      <c r="I147" s="14">
        <v>18</v>
      </c>
      <c r="J147" s="14">
        <v>10</v>
      </c>
      <c r="K147" s="14">
        <v>15</v>
      </c>
      <c r="L147" s="14">
        <v>15</v>
      </c>
      <c r="M147" s="14">
        <v>17</v>
      </c>
      <c r="N147" s="23">
        <v>17</v>
      </c>
      <c r="O147" s="23">
        <v>20</v>
      </c>
      <c r="P147" s="23">
        <v>18</v>
      </c>
      <c r="Q147" s="23">
        <v>17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6</v>
      </c>
      <c r="H148" s="14">
        <v>9</v>
      </c>
      <c r="I148" s="14">
        <v>5</v>
      </c>
      <c r="J148" s="14">
        <v>15</v>
      </c>
      <c r="K148" s="14">
        <v>13</v>
      </c>
      <c r="L148" s="14">
        <v>15</v>
      </c>
      <c r="M148" s="14">
        <v>15</v>
      </c>
      <c r="N148" s="23">
        <v>14</v>
      </c>
      <c r="O148" s="23">
        <v>5</v>
      </c>
      <c r="P148" s="23">
        <v>9</v>
      </c>
      <c r="Q148" s="23">
        <v>10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</v>
      </c>
      <c r="H149" s="14">
        <v>0</v>
      </c>
      <c r="I149" s="14">
        <v>2</v>
      </c>
      <c r="J149" s="14">
        <v>1</v>
      </c>
      <c r="K149" s="14">
        <v>2</v>
      </c>
      <c r="L149" s="14">
        <v>4</v>
      </c>
      <c r="M149" s="14">
        <v>3</v>
      </c>
      <c r="N149" s="23">
        <v>4</v>
      </c>
      <c r="O149" s="23">
        <v>11</v>
      </c>
      <c r="P149" s="23">
        <v>7</v>
      </c>
      <c r="Q149" s="23">
        <v>6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1</v>
      </c>
      <c r="I150" s="14">
        <v>1</v>
      </c>
      <c r="J150" s="14">
        <v>0</v>
      </c>
      <c r="K150" s="14">
        <v>0</v>
      </c>
      <c r="L150" s="14">
        <v>0</v>
      </c>
      <c r="M150" s="14">
        <v>0</v>
      </c>
      <c r="N150" s="23">
        <v>0</v>
      </c>
      <c r="O150" s="23">
        <v>0</v>
      </c>
      <c r="P150" s="23">
        <v>1</v>
      </c>
      <c r="Q150" s="23">
        <v>1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334</v>
      </c>
      <c r="H151" s="17">
        <f t="shared" ref="H151:N151" si="18">SUM(H130:H150)</f>
        <v>295</v>
      </c>
      <c r="I151" s="17">
        <f t="shared" si="18"/>
        <v>264</v>
      </c>
      <c r="J151" s="17">
        <f t="shared" si="18"/>
        <v>243</v>
      </c>
      <c r="K151" s="17">
        <f t="shared" si="18"/>
        <v>239</v>
      </c>
      <c r="L151" s="17">
        <f t="shared" si="18"/>
        <v>234</v>
      </c>
      <c r="M151" s="17">
        <f t="shared" si="18"/>
        <v>223</v>
      </c>
      <c r="N151" s="17">
        <f t="shared" si="18"/>
        <v>220</v>
      </c>
      <c r="O151" s="17">
        <f>SUM(O130:O150)</f>
        <v>215</v>
      </c>
      <c r="P151" s="17">
        <f>SUM(P130:P150)</f>
        <v>209</v>
      </c>
      <c r="Q151" s="17">
        <f>SUM(Q130:Q150)</f>
        <v>195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40</v>
      </c>
      <c r="H156" s="8">
        <f t="shared" si="19"/>
        <v>30</v>
      </c>
      <c r="I156" s="8">
        <f t="shared" si="19"/>
        <v>19</v>
      </c>
      <c r="J156" s="8">
        <f t="shared" si="19"/>
        <v>12</v>
      </c>
      <c r="K156" s="8">
        <f t="shared" si="19"/>
        <v>11</v>
      </c>
      <c r="L156" s="8">
        <f t="shared" si="19"/>
        <v>12</v>
      </c>
      <c r="M156" s="8">
        <f t="shared" si="19"/>
        <v>9</v>
      </c>
      <c r="N156" s="8">
        <f t="shared" si="19"/>
        <v>8</v>
      </c>
      <c r="O156" s="8">
        <f t="shared" si="19"/>
        <v>6</v>
      </c>
      <c r="P156" s="8">
        <f t="shared" si="19"/>
        <v>9</v>
      </c>
      <c r="Q156" s="8">
        <v>3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172</v>
      </c>
      <c r="H157" s="11">
        <f t="shared" si="20"/>
        <v>151</v>
      </c>
      <c r="I157" s="11">
        <f t="shared" si="20"/>
        <v>139</v>
      </c>
      <c r="J157" s="11">
        <f t="shared" si="20"/>
        <v>119</v>
      </c>
      <c r="K157" s="11">
        <f t="shared" si="20"/>
        <v>118</v>
      </c>
      <c r="L157" s="11">
        <f t="shared" si="20"/>
        <v>108</v>
      </c>
      <c r="M157" s="11">
        <f t="shared" si="20"/>
        <v>95</v>
      </c>
      <c r="N157" s="11">
        <f t="shared" si="20"/>
        <v>97</v>
      </c>
      <c r="O157" s="11">
        <f t="shared" si="20"/>
        <v>92</v>
      </c>
      <c r="P157" s="11">
        <f t="shared" si="20"/>
        <v>90</v>
      </c>
      <c r="Q157" s="11">
        <v>89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122</v>
      </c>
      <c r="H158" s="14">
        <f t="shared" si="21"/>
        <v>114</v>
      </c>
      <c r="I158" s="14">
        <f t="shared" si="21"/>
        <v>106</v>
      </c>
      <c r="J158" s="14">
        <f t="shared" si="21"/>
        <v>112</v>
      </c>
      <c r="K158" s="14">
        <f t="shared" si="21"/>
        <v>110</v>
      </c>
      <c r="L158" s="14">
        <f t="shared" si="21"/>
        <v>114</v>
      </c>
      <c r="M158" s="14">
        <f t="shared" si="21"/>
        <v>119</v>
      </c>
      <c r="N158" s="14">
        <f t="shared" si="21"/>
        <v>115</v>
      </c>
      <c r="O158" s="14">
        <f t="shared" si="21"/>
        <v>117</v>
      </c>
      <c r="P158" s="14">
        <f t="shared" si="21"/>
        <v>110</v>
      </c>
      <c r="Q158" s="14">
        <v>103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334</v>
      </c>
      <c r="H159" s="17">
        <f t="shared" ref="H159:N159" si="22">SUM(H156:H158)</f>
        <v>295</v>
      </c>
      <c r="I159" s="17">
        <f t="shared" si="22"/>
        <v>264</v>
      </c>
      <c r="J159" s="17">
        <f t="shared" si="22"/>
        <v>243</v>
      </c>
      <c r="K159" s="17">
        <f t="shared" si="22"/>
        <v>239</v>
      </c>
      <c r="L159" s="17">
        <f t="shared" si="22"/>
        <v>234</v>
      </c>
      <c r="M159" s="17">
        <f t="shared" si="22"/>
        <v>223</v>
      </c>
      <c r="N159" s="17">
        <f t="shared" si="22"/>
        <v>220</v>
      </c>
      <c r="O159" s="17">
        <f>SUM(O156:O158)</f>
        <v>215</v>
      </c>
      <c r="P159" s="17">
        <f>SUM(P156:P158)</f>
        <v>209</v>
      </c>
      <c r="Q159" s="17">
        <f>SUM(Q156:Q158)</f>
        <v>195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71" t="s">
        <v>7</v>
      </c>
      <c r="C164" s="71" t="s">
        <v>7</v>
      </c>
      <c r="D164" s="71" t="s">
        <v>7</v>
      </c>
      <c r="E164" s="71" t="s">
        <v>7</v>
      </c>
      <c r="F164" s="71" t="s">
        <v>7</v>
      </c>
      <c r="G164" s="72">
        <f t="shared" ref="G164:Q164" si="23">ROUND(G156/G159*100,1)</f>
        <v>12</v>
      </c>
      <c r="H164" s="72">
        <f t="shared" si="23"/>
        <v>10.199999999999999</v>
      </c>
      <c r="I164" s="72">
        <f t="shared" si="23"/>
        <v>7.2</v>
      </c>
      <c r="J164" s="72">
        <f t="shared" si="23"/>
        <v>4.9000000000000004</v>
      </c>
      <c r="K164" s="72">
        <f t="shared" si="23"/>
        <v>4.5999999999999996</v>
      </c>
      <c r="L164" s="72">
        <f t="shared" si="23"/>
        <v>5.0999999999999996</v>
      </c>
      <c r="M164" s="72">
        <f t="shared" si="23"/>
        <v>4</v>
      </c>
      <c r="N164" s="72">
        <f t="shared" si="23"/>
        <v>3.6</v>
      </c>
      <c r="O164" s="72">
        <f t="shared" si="23"/>
        <v>2.8</v>
      </c>
      <c r="P164" s="72">
        <f t="shared" si="23"/>
        <v>4.3</v>
      </c>
      <c r="Q164" s="72">
        <f t="shared" si="23"/>
        <v>1.5</v>
      </c>
    </row>
    <row r="165" spans="1:20" ht="21.75" customHeight="1" x14ac:dyDescent="0.2">
      <c r="A165" s="9" t="s">
        <v>34</v>
      </c>
      <c r="B165" s="73" t="s">
        <v>7</v>
      </c>
      <c r="C165" s="73" t="s">
        <v>7</v>
      </c>
      <c r="D165" s="73" t="s">
        <v>7</v>
      </c>
      <c r="E165" s="73" t="s">
        <v>7</v>
      </c>
      <c r="F165" s="73" t="s">
        <v>7</v>
      </c>
      <c r="G165" s="74">
        <f t="shared" ref="G165:Q165" si="24">ROUND(G157/G159*100,1)</f>
        <v>51.5</v>
      </c>
      <c r="H165" s="74">
        <f t="shared" si="24"/>
        <v>51.2</v>
      </c>
      <c r="I165" s="74">
        <f t="shared" si="24"/>
        <v>52.7</v>
      </c>
      <c r="J165" s="74">
        <f t="shared" si="24"/>
        <v>49</v>
      </c>
      <c r="K165" s="74">
        <f t="shared" si="24"/>
        <v>49.4</v>
      </c>
      <c r="L165" s="74">
        <f t="shared" si="24"/>
        <v>46.2</v>
      </c>
      <c r="M165" s="74">
        <f t="shared" si="24"/>
        <v>42.6</v>
      </c>
      <c r="N165" s="74">
        <f t="shared" si="24"/>
        <v>44.1</v>
      </c>
      <c r="O165" s="74">
        <f t="shared" si="24"/>
        <v>42.8</v>
      </c>
      <c r="P165" s="74">
        <f t="shared" si="24"/>
        <v>43.1</v>
      </c>
      <c r="Q165" s="74">
        <f t="shared" si="24"/>
        <v>45.6</v>
      </c>
    </row>
    <row r="166" spans="1:20" ht="21.75" customHeight="1" x14ac:dyDescent="0.2">
      <c r="A166" s="12" t="s">
        <v>35</v>
      </c>
      <c r="B166" s="75" t="s">
        <v>7</v>
      </c>
      <c r="C166" s="75" t="s">
        <v>7</v>
      </c>
      <c r="D166" s="75" t="s">
        <v>7</v>
      </c>
      <c r="E166" s="75" t="s">
        <v>7</v>
      </c>
      <c r="F166" s="75" t="s">
        <v>7</v>
      </c>
      <c r="G166" s="76">
        <f t="shared" ref="G166:Q166" si="25">ROUND(G158/G159*100,1)</f>
        <v>36.5</v>
      </c>
      <c r="H166" s="76">
        <f t="shared" si="25"/>
        <v>38.6</v>
      </c>
      <c r="I166" s="76">
        <f t="shared" si="25"/>
        <v>40.200000000000003</v>
      </c>
      <c r="J166" s="76">
        <f t="shared" si="25"/>
        <v>46.1</v>
      </c>
      <c r="K166" s="76">
        <f t="shared" si="25"/>
        <v>46</v>
      </c>
      <c r="L166" s="76">
        <f t="shared" si="25"/>
        <v>48.7</v>
      </c>
      <c r="M166" s="76">
        <f t="shared" si="25"/>
        <v>53.4</v>
      </c>
      <c r="N166" s="76">
        <f t="shared" si="25"/>
        <v>52.3</v>
      </c>
      <c r="O166" s="76">
        <f t="shared" si="25"/>
        <v>54.4</v>
      </c>
      <c r="P166" s="76">
        <f t="shared" si="25"/>
        <v>52.6</v>
      </c>
      <c r="Q166" s="76">
        <f t="shared" si="25"/>
        <v>52.8</v>
      </c>
    </row>
    <row r="167" spans="1:20" ht="21.75" customHeight="1" x14ac:dyDescent="0.2">
      <c r="A167" s="5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66"/>
      <c r="B168" s="66"/>
      <c r="C168" s="66"/>
      <c r="D168" s="66"/>
      <c r="E168" s="66"/>
      <c r="F168" s="66"/>
      <c r="G168" s="66"/>
      <c r="H168" s="66"/>
      <c r="I168" s="66"/>
      <c r="J168" s="66"/>
      <c r="K168" s="66"/>
      <c r="L168" s="66"/>
      <c r="M168" s="66"/>
      <c r="N168" s="66"/>
      <c r="O168" s="66"/>
      <c r="P168" s="66"/>
      <c r="Q168" s="66"/>
      <c r="R168" s="66"/>
      <c r="S168" s="66"/>
      <c r="T168" s="6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C8F6BC-F3CE-4F1E-B9E7-E5ACEF19794C}">
  <sheetPr codeName="Sheet72"/>
  <dimension ref="A1:T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57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94</v>
      </c>
      <c r="H5" s="8">
        <f t="shared" si="0"/>
        <v>55</v>
      </c>
      <c r="I5" s="8">
        <f t="shared" si="0"/>
        <v>45</v>
      </c>
      <c r="J5" s="8">
        <f t="shared" si="0"/>
        <v>43</v>
      </c>
      <c r="K5" s="8">
        <f t="shared" si="0"/>
        <v>41</v>
      </c>
      <c r="L5" s="8">
        <f t="shared" si="0"/>
        <v>42</v>
      </c>
      <c r="M5" s="8">
        <f t="shared" si="0"/>
        <v>31</v>
      </c>
      <c r="N5" s="8">
        <f t="shared" si="0"/>
        <v>17</v>
      </c>
      <c r="O5" s="8">
        <f t="shared" si="0"/>
        <v>15</v>
      </c>
      <c r="P5" s="8">
        <f t="shared" si="0"/>
        <v>13</v>
      </c>
      <c r="Q5" s="8">
        <f t="shared" si="0"/>
        <v>13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79</v>
      </c>
      <c r="H6" s="8">
        <f t="shared" si="0"/>
        <v>72</v>
      </c>
      <c r="I6" s="8">
        <f t="shared" si="0"/>
        <v>51</v>
      </c>
      <c r="J6" s="8">
        <f t="shared" si="0"/>
        <v>45</v>
      </c>
      <c r="K6" s="8">
        <f t="shared" si="0"/>
        <v>51</v>
      </c>
      <c r="L6" s="8">
        <f t="shared" si="0"/>
        <v>43</v>
      </c>
      <c r="M6" s="8">
        <f t="shared" si="0"/>
        <v>40</v>
      </c>
      <c r="N6" s="8">
        <f t="shared" si="0"/>
        <v>45</v>
      </c>
      <c r="O6" s="8">
        <f t="shared" si="0"/>
        <v>44</v>
      </c>
      <c r="P6" s="8">
        <f t="shared" si="0"/>
        <v>39</v>
      </c>
      <c r="Q6" s="8">
        <f t="shared" si="0"/>
        <v>37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56</v>
      </c>
      <c r="H7" s="8">
        <f t="shared" si="0"/>
        <v>66</v>
      </c>
      <c r="I7" s="8">
        <f t="shared" si="0"/>
        <v>60</v>
      </c>
      <c r="J7" s="8">
        <f t="shared" si="0"/>
        <v>61</v>
      </c>
      <c r="K7" s="8">
        <f t="shared" si="0"/>
        <v>55</v>
      </c>
      <c r="L7" s="8">
        <f t="shared" si="0"/>
        <v>55</v>
      </c>
      <c r="M7" s="8">
        <f t="shared" si="0"/>
        <v>50</v>
      </c>
      <c r="N7" s="8">
        <f t="shared" si="0"/>
        <v>50</v>
      </c>
      <c r="O7" s="8">
        <f t="shared" si="0"/>
        <v>45</v>
      </c>
      <c r="P7" s="8">
        <f t="shared" si="0"/>
        <v>48</v>
      </c>
      <c r="Q7" s="8">
        <f t="shared" si="0"/>
        <v>43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94</v>
      </c>
      <c r="H8" s="11">
        <f t="shared" si="0"/>
        <v>51</v>
      </c>
      <c r="I8" s="11">
        <f t="shared" si="0"/>
        <v>57</v>
      </c>
      <c r="J8" s="11">
        <f t="shared" si="0"/>
        <v>60</v>
      </c>
      <c r="K8" s="11">
        <f t="shared" si="0"/>
        <v>58</v>
      </c>
      <c r="L8" s="11">
        <f t="shared" si="0"/>
        <v>61</v>
      </c>
      <c r="M8" s="11">
        <f t="shared" si="0"/>
        <v>64</v>
      </c>
      <c r="N8" s="11">
        <f t="shared" si="0"/>
        <v>62</v>
      </c>
      <c r="O8" s="11">
        <f t="shared" si="0"/>
        <v>63</v>
      </c>
      <c r="P8" s="11">
        <f t="shared" si="0"/>
        <v>50</v>
      </c>
      <c r="Q8" s="11">
        <f t="shared" si="0"/>
        <v>50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103</v>
      </c>
      <c r="H9" s="11">
        <f t="shared" si="0"/>
        <v>83</v>
      </c>
      <c r="I9" s="11">
        <f t="shared" si="0"/>
        <v>41</v>
      </c>
      <c r="J9" s="11">
        <f t="shared" si="0"/>
        <v>35</v>
      </c>
      <c r="K9" s="11">
        <f t="shared" si="0"/>
        <v>45</v>
      </c>
      <c r="L9" s="11">
        <f t="shared" si="0"/>
        <v>47</v>
      </c>
      <c r="M9" s="11">
        <f t="shared" si="0"/>
        <v>51</v>
      </c>
      <c r="N9" s="11">
        <f t="shared" si="0"/>
        <v>49</v>
      </c>
      <c r="O9" s="11">
        <f t="shared" si="0"/>
        <v>56</v>
      </c>
      <c r="P9" s="11">
        <f t="shared" si="0"/>
        <v>53</v>
      </c>
      <c r="Q9" s="11">
        <f t="shared" si="0"/>
        <v>49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104</v>
      </c>
      <c r="H10" s="11">
        <f t="shared" si="0"/>
        <v>69</v>
      </c>
      <c r="I10" s="11">
        <f t="shared" si="0"/>
        <v>57</v>
      </c>
      <c r="J10" s="11">
        <f t="shared" si="0"/>
        <v>52</v>
      </c>
      <c r="K10" s="11">
        <f t="shared" si="0"/>
        <v>45</v>
      </c>
      <c r="L10" s="11">
        <f t="shared" si="0"/>
        <v>36</v>
      </c>
      <c r="M10" s="11">
        <f t="shared" si="0"/>
        <v>28</v>
      </c>
      <c r="N10" s="11">
        <f t="shared" si="0"/>
        <v>30</v>
      </c>
      <c r="O10" s="11">
        <f t="shared" si="0"/>
        <v>24</v>
      </c>
      <c r="P10" s="11">
        <f t="shared" si="0"/>
        <v>28</v>
      </c>
      <c r="Q10" s="11">
        <f t="shared" si="0"/>
        <v>36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134</v>
      </c>
      <c r="H11" s="11">
        <f t="shared" si="0"/>
        <v>79</v>
      </c>
      <c r="I11" s="11">
        <f t="shared" si="0"/>
        <v>53</v>
      </c>
      <c r="J11" s="11">
        <f t="shared" si="0"/>
        <v>50</v>
      </c>
      <c r="K11" s="11">
        <f t="shared" si="0"/>
        <v>53</v>
      </c>
      <c r="L11" s="11">
        <f t="shared" si="0"/>
        <v>51</v>
      </c>
      <c r="M11" s="11">
        <f t="shared" si="0"/>
        <v>52</v>
      </c>
      <c r="N11" s="11">
        <f t="shared" si="0"/>
        <v>42</v>
      </c>
      <c r="O11" s="11">
        <f t="shared" si="0"/>
        <v>40</v>
      </c>
      <c r="P11" s="11">
        <f t="shared" si="0"/>
        <v>30</v>
      </c>
      <c r="Q11" s="11">
        <f t="shared" si="0"/>
        <v>25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80</v>
      </c>
      <c r="H12" s="11">
        <f t="shared" si="0"/>
        <v>105</v>
      </c>
      <c r="I12" s="11">
        <f t="shared" si="0"/>
        <v>72</v>
      </c>
      <c r="J12" s="11">
        <f t="shared" si="0"/>
        <v>64</v>
      </c>
      <c r="K12" s="11">
        <f t="shared" si="0"/>
        <v>67</v>
      </c>
      <c r="L12" s="11">
        <f t="shared" si="0"/>
        <v>60</v>
      </c>
      <c r="M12" s="11">
        <f t="shared" si="0"/>
        <v>56</v>
      </c>
      <c r="N12" s="11">
        <f t="shared" si="0"/>
        <v>61</v>
      </c>
      <c r="O12" s="11">
        <f t="shared" si="0"/>
        <v>54</v>
      </c>
      <c r="P12" s="11">
        <f t="shared" si="0"/>
        <v>49</v>
      </c>
      <c r="Q12" s="11">
        <f t="shared" si="0"/>
        <v>46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76</v>
      </c>
      <c r="H13" s="11">
        <f t="shared" si="0"/>
        <v>71</v>
      </c>
      <c r="I13" s="11">
        <f t="shared" si="0"/>
        <v>88</v>
      </c>
      <c r="J13" s="11">
        <f t="shared" si="0"/>
        <v>87</v>
      </c>
      <c r="K13" s="11">
        <f t="shared" si="0"/>
        <v>84</v>
      </c>
      <c r="L13" s="11">
        <f t="shared" si="0"/>
        <v>85</v>
      </c>
      <c r="M13" s="11">
        <f t="shared" si="0"/>
        <v>74</v>
      </c>
      <c r="N13" s="11">
        <f t="shared" si="0"/>
        <v>67</v>
      </c>
      <c r="O13" s="11">
        <f t="shared" si="0"/>
        <v>61</v>
      </c>
      <c r="P13" s="11">
        <f t="shared" si="0"/>
        <v>67</v>
      </c>
      <c r="Q13" s="11">
        <f t="shared" si="0"/>
        <v>63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11</v>
      </c>
      <c r="H14" s="11">
        <f t="shared" si="0"/>
        <v>69</v>
      </c>
      <c r="I14" s="11">
        <f t="shared" si="0"/>
        <v>63</v>
      </c>
      <c r="J14" s="11">
        <f t="shared" si="0"/>
        <v>75</v>
      </c>
      <c r="K14" s="11">
        <f t="shared" si="0"/>
        <v>76</v>
      </c>
      <c r="L14" s="11">
        <f t="shared" si="0"/>
        <v>80</v>
      </c>
      <c r="M14" s="11">
        <f t="shared" si="0"/>
        <v>90</v>
      </c>
      <c r="N14" s="11">
        <f t="shared" si="0"/>
        <v>91</v>
      </c>
      <c r="O14" s="11">
        <f t="shared" si="0"/>
        <v>88</v>
      </c>
      <c r="P14" s="11">
        <f t="shared" si="0"/>
        <v>85</v>
      </c>
      <c r="Q14" s="11">
        <f t="shared" si="0"/>
        <v>82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139</v>
      </c>
      <c r="H15" s="11">
        <f t="shared" si="0"/>
        <v>98</v>
      </c>
      <c r="I15" s="11">
        <f t="shared" si="0"/>
        <v>66</v>
      </c>
      <c r="J15" s="11">
        <f t="shared" si="0"/>
        <v>67</v>
      </c>
      <c r="K15" s="11">
        <f t="shared" si="0"/>
        <v>68</v>
      </c>
      <c r="L15" s="11">
        <f t="shared" si="0"/>
        <v>73</v>
      </c>
      <c r="M15" s="11">
        <f t="shared" si="0"/>
        <v>62</v>
      </c>
      <c r="N15" s="11">
        <f t="shared" si="0"/>
        <v>62</v>
      </c>
      <c r="O15" s="11">
        <f t="shared" si="0"/>
        <v>74</v>
      </c>
      <c r="P15" s="11">
        <f t="shared" si="0"/>
        <v>75</v>
      </c>
      <c r="Q15" s="11">
        <f t="shared" si="0"/>
        <v>79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28</v>
      </c>
      <c r="H16" s="11">
        <f t="shared" si="0"/>
        <v>131</v>
      </c>
      <c r="I16" s="11">
        <f t="shared" si="0"/>
        <v>92</v>
      </c>
      <c r="J16" s="11">
        <f t="shared" si="0"/>
        <v>93</v>
      </c>
      <c r="K16" s="11">
        <f t="shared" si="0"/>
        <v>91</v>
      </c>
      <c r="L16" s="11">
        <f t="shared" si="0"/>
        <v>74</v>
      </c>
      <c r="M16" s="11">
        <f t="shared" si="0"/>
        <v>70</v>
      </c>
      <c r="N16" s="11">
        <f t="shared" si="0"/>
        <v>67</v>
      </c>
      <c r="O16" s="11">
        <f t="shared" si="0"/>
        <v>64</v>
      </c>
      <c r="P16" s="11">
        <f t="shared" si="0"/>
        <v>66</v>
      </c>
      <c r="Q16" s="11">
        <f t="shared" si="0"/>
        <v>69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79</v>
      </c>
      <c r="H17" s="11">
        <f t="shared" si="0"/>
        <v>111</v>
      </c>
      <c r="I17" s="11">
        <f t="shared" si="0"/>
        <v>124</v>
      </c>
      <c r="J17" s="11">
        <f t="shared" si="0"/>
        <v>111</v>
      </c>
      <c r="K17" s="11">
        <f t="shared" si="0"/>
        <v>103</v>
      </c>
      <c r="L17" s="11">
        <f t="shared" si="0"/>
        <v>104</v>
      </c>
      <c r="M17" s="11">
        <f t="shared" si="0"/>
        <v>99</v>
      </c>
      <c r="N17" s="11">
        <f t="shared" si="0"/>
        <v>95</v>
      </c>
      <c r="O17" s="11">
        <f t="shared" si="0"/>
        <v>95</v>
      </c>
      <c r="P17" s="11">
        <f t="shared" si="0"/>
        <v>90</v>
      </c>
      <c r="Q17" s="11">
        <f t="shared" si="0"/>
        <v>76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84</v>
      </c>
      <c r="H18" s="14">
        <f t="shared" si="0"/>
        <v>72</v>
      </c>
      <c r="I18" s="14">
        <f t="shared" si="0"/>
        <v>109</v>
      </c>
      <c r="J18" s="14">
        <f t="shared" si="0"/>
        <v>115</v>
      </c>
      <c r="K18" s="14">
        <f t="shared" si="0"/>
        <v>109</v>
      </c>
      <c r="L18" s="14">
        <f t="shared" si="0"/>
        <v>109</v>
      </c>
      <c r="M18" s="14">
        <f t="shared" si="0"/>
        <v>113</v>
      </c>
      <c r="N18" s="14">
        <f t="shared" si="0"/>
        <v>125</v>
      </c>
      <c r="O18" s="14">
        <f t="shared" si="0"/>
        <v>114</v>
      </c>
      <c r="P18" s="14">
        <f t="shared" si="0"/>
        <v>104</v>
      </c>
      <c r="Q18" s="14">
        <f t="shared" si="0"/>
        <v>101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04</v>
      </c>
      <c r="H19" s="14">
        <f t="shared" si="0"/>
        <v>79</v>
      </c>
      <c r="I19" s="14">
        <f t="shared" si="0"/>
        <v>68</v>
      </c>
      <c r="J19" s="14">
        <f t="shared" si="0"/>
        <v>64</v>
      </c>
      <c r="K19" s="14">
        <f t="shared" si="0"/>
        <v>84</v>
      </c>
      <c r="L19" s="14">
        <f t="shared" si="0"/>
        <v>95</v>
      </c>
      <c r="M19" s="14">
        <f t="shared" si="0"/>
        <v>102</v>
      </c>
      <c r="N19" s="14">
        <f t="shared" si="0"/>
        <v>100</v>
      </c>
      <c r="O19" s="14">
        <f t="shared" si="0"/>
        <v>107</v>
      </c>
      <c r="P19" s="14">
        <f t="shared" si="0"/>
        <v>102</v>
      </c>
      <c r="Q19" s="14">
        <f t="shared" si="0"/>
        <v>100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78</v>
      </c>
      <c r="H20" s="14">
        <f t="shared" si="0"/>
        <v>94</v>
      </c>
      <c r="I20" s="14">
        <f t="shared" si="0"/>
        <v>73</v>
      </c>
      <c r="J20" s="14">
        <f t="shared" si="0"/>
        <v>74</v>
      </c>
      <c r="K20" s="14">
        <f t="shared" si="0"/>
        <v>70</v>
      </c>
      <c r="L20" s="14">
        <f t="shared" si="0"/>
        <v>68</v>
      </c>
      <c r="M20" s="14">
        <f t="shared" si="0"/>
        <v>68</v>
      </c>
      <c r="N20" s="14">
        <f t="shared" si="0"/>
        <v>62</v>
      </c>
      <c r="O20" s="14">
        <f t="shared" si="0"/>
        <v>56</v>
      </c>
      <c r="P20" s="14">
        <f t="shared" si="0"/>
        <v>72</v>
      </c>
      <c r="Q20" s="14">
        <f t="shared" si="0"/>
        <v>86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45</v>
      </c>
      <c r="H21" s="14">
        <f t="shared" si="1"/>
        <v>65</v>
      </c>
      <c r="I21" s="14">
        <f t="shared" si="1"/>
        <v>79</v>
      </c>
      <c r="J21" s="14">
        <f t="shared" si="1"/>
        <v>79</v>
      </c>
      <c r="K21" s="14">
        <f t="shared" si="1"/>
        <v>75</v>
      </c>
      <c r="L21" s="14">
        <f t="shared" si="1"/>
        <v>70</v>
      </c>
      <c r="M21" s="14">
        <f t="shared" si="1"/>
        <v>62</v>
      </c>
      <c r="N21" s="14">
        <f t="shared" si="1"/>
        <v>67</v>
      </c>
      <c r="O21" s="14">
        <f t="shared" si="1"/>
        <v>68</v>
      </c>
      <c r="P21" s="14">
        <f t="shared" si="1"/>
        <v>66</v>
      </c>
      <c r="Q21" s="14">
        <f t="shared" si="1"/>
        <v>60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23</v>
      </c>
      <c r="H22" s="14">
        <f t="shared" si="1"/>
        <v>27</v>
      </c>
      <c r="I22" s="14">
        <f t="shared" si="1"/>
        <v>45</v>
      </c>
      <c r="J22" s="14">
        <f t="shared" si="1"/>
        <v>49</v>
      </c>
      <c r="K22" s="14">
        <f t="shared" si="1"/>
        <v>58</v>
      </c>
      <c r="L22" s="14">
        <f t="shared" si="1"/>
        <v>62</v>
      </c>
      <c r="M22" s="14">
        <f t="shared" si="1"/>
        <v>64</v>
      </c>
      <c r="N22" s="14">
        <f t="shared" si="1"/>
        <v>55</v>
      </c>
      <c r="O22" s="14">
        <f t="shared" si="1"/>
        <v>58</v>
      </c>
      <c r="P22" s="14">
        <f t="shared" si="1"/>
        <v>51</v>
      </c>
      <c r="Q22" s="14">
        <f t="shared" si="1"/>
        <v>49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1</v>
      </c>
      <c r="H23" s="14">
        <f t="shared" si="1"/>
        <v>7</v>
      </c>
      <c r="I23" s="14">
        <f t="shared" si="1"/>
        <v>15</v>
      </c>
      <c r="J23" s="14">
        <f t="shared" si="1"/>
        <v>17</v>
      </c>
      <c r="K23" s="14">
        <f t="shared" si="1"/>
        <v>17</v>
      </c>
      <c r="L23" s="14">
        <f t="shared" si="1"/>
        <v>20</v>
      </c>
      <c r="M23" s="14">
        <f t="shared" si="1"/>
        <v>23</v>
      </c>
      <c r="N23" s="14">
        <f t="shared" si="1"/>
        <v>27</v>
      </c>
      <c r="O23" s="14">
        <f t="shared" si="1"/>
        <v>27</v>
      </c>
      <c r="P23" s="14">
        <f t="shared" si="1"/>
        <v>32</v>
      </c>
      <c r="Q23" s="14">
        <f t="shared" si="1"/>
        <v>30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4</v>
      </c>
      <c r="H24" s="14">
        <f t="shared" si="1"/>
        <v>3</v>
      </c>
      <c r="I24" s="14">
        <f t="shared" si="1"/>
        <v>1</v>
      </c>
      <c r="J24" s="14">
        <f t="shared" si="1"/>
        <v>5</v>
      </c>
      <c r="K24" s="14">
        <f t="shared" si="1"/>
        <v>3</v>
      </c>
      <c r="L24" s="14">
        <f t="shared" si="1"/>
        <v>8</v>
      </c>
      <c r="M24" s="14">
        <f t="shared" si="1"/>
        <v>8</v>
      </c>
      <c r="N24" s="14">
        <f t="shared" si="1"/>
        <v>9</v>
      </c>
      <c r="O24" s="14">
        <f t="shared" si="1"/>
        <v>8</v>
      </c>
      <c r="P24" s="14">
        <f t="shared" si="1"/>
        <v>6</v>
      </c>
      <c r="Q24" s="14">
        <f t="shared" si="1"/>
        <v>10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1</v>
      </c>
      <c r="H25" s="14">
        <f t="shared" si="1"/>
        <v>0</v>
      </c>
      <c r="I25" s="14">
        <f t="shared" si="1"/>
        <v>0</v>
      </c>
      <c r="J25" s="14">
        <f t="shared" si="1"/>
        <v>0</v>
      </c>
      <c r="K25" s="14">
        <f t="shared" si="1"/>
        <v>0</v>
      </c>
      <c r="L25" s="14">
        <f t="shared" si="1"/>
        <v>0</v>
      </c>
      <c r="M25" s="14">
        <f t="shared" si="1"/>
        <v>0</v>
      </c>
      <c r="N25" s="14">
        <f t="shared" si="1"/>
        <v>0</v>
      </c>
      <c r="O25" s="14">
        <f t="shared" si="1"/>
        <v>2</v>
      </c>
      <c r="P25" s="14">
        <f t="shared" si="1"/>
        <v>2</v>
      </c>
      <c r="Q25" s="14">
        <f t="shared" si="1"/>
        <v>3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627</v>
      </c>
      <c r="H26" s="17">
        <f>SUM(H5:H25)</f>
        <v>1407</v>
      </c>
      <c r="I26" s="17">
        <f t="shared" ref="I26:N26" si="2">SUM(I5:I25)</f>
        <v>1259</v>
      </c>
      <c r="J26" s="17">
        <f t="shared" si="2"/>
        <v>1246</v>
      </c>
      <c r="K26" s="17">
        <f t="shared" si="2"/>
        <v>1253</v>
      </c>
      <c r="L26" s="17">
        <f t="shared" si="2"/>
        <v>1243</v>
      </c>
      <c r="M26" s="17">
        <f t="shared" si="2"/>
        <v>1207</v>
      </c>
      <c r="N26" s="17">
        <f t="shared" si="2"/>
        <v>1183</v>
      </c>
      <c r="O26" s="17">
        <f>SUM(O5:O25)</f>
        <v>1163</v>
      </c>
      <c r="P26" s="17">
        <f>SUM(P5:P25)</f>
        <v>1128</v>
      </c>
      <c r="Q26" s="17">
        <f>SUM(Q5:Q25)</f>
        <v>1107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229</v>
      </c>
      <c r="H31" s="21">
        <f t="shared" si="3"/>
        <v>193</v>
      </c>
      <c r="I31" s="21">
        <f t="shared" si="3"/>
        <v>156</v>
      </c>
      <c r="J31" s="21">
        <f t="shared" si="3"/>
        <v>149</v>
      </c>
      <c r="K31" s="21">
        <f t="shared" si="3"/>
        <v>147</v>
      </c>
      <c r="L31" s="21">
        <f t="shared" si="3"/>
        <v>140</v>
      </c>
      <c r="M31" s="21">
        <f t="shared" si="3"/>
        <v>121</v>
      </c>
      <c r="N31" s="21">
        <f t="shared" si="3"/>
        <v>112</v>
      </c>
      <c r="O31" s="21">
        <f t="shared" si="3"/>
        <v>104</v>
      </c>
      <c r="P31" s="21">
        <f t="shared" si="3"/>
        <v>100</v>
      </c>
      <c r="Q31" s="21">
        <f t="shared" si="3"/>
        <v>93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1048</v>
      </c>
      <c r="H32" s="22">
        <f t="shared" si="4"/>
        <v>867</v>
      </c>
      <c r="I32" s="22">
        <f t="shared" si="4"/>
        <v>713</v>
      </c>
      <c r="J32" s="22">
        <f t="shared" si="4"/>
        <v>694</v>
      </c>
      <c r="K32" s="22">
        <f t="shared" si="4"/>
        <v>690</v>
      </c>
      <c r="L32" s="22">
        <f t="shared" si="4"/>
        <v>671</v>
      </c>
      <c r="M32" s="22">
        <f t="shared" si="4"/>
        <v>646</v>
      </c>
      <c r="N32" s="22">
        <f t="shared" si="4"/>
        <v>626</v>
      </c>
      <c r="O32" s="22">
        <f t="shared" si="4"/>
        <v>619</v>
      </c>
      <c r="P32" s="22">
        <f t="shared" si="4"/>
        <v>593</v>
      </c>
      <c r="Q32" s="22">
        <f t="shared" si="4"/>
        <v>575</v>
      </c>
    </row>
    <row r="33" spans="1:20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350</v>
      </c>
      <c r="H33" s="23">
        <f t="shared" si="5"/>
        <v>347</v>
      </c>
      <c r="I33" s="23">
        <f t="shared" si="5"/>
        <v>390</v>
      </c>
      <c r="J33" s="23">
        <f t="shared" si="5"/>
        <v>403</v>
      </c>
      <c r="K33" s="23">
        <f t="shared" si="5"/>
        <v>416</v>
      </c>
      <c r="L33" s="23">
        <f t="shared" si="5"/>
        <v>432</v>
      </c>
      <c r="M33" s="23">
        <f t="shared" si="5"/>
        <v>440</v>
      </c>
      <c r="N33" s="23">
        <f t="shared" si="5"/>
        <v>445</v>
      </c>
      <c r="O33" s="23">
        <f t="shared" si="5"/>
        <v>440</v>
      </c>
      <c r="P33" s="23">
        <f t="shared" si="5"/>
        <v>435</v>
      </c>
      <c r="Q33" s="23">
        <f t="shared" si="5"/>
        <v>439</v>
      </c>
    </row>
    <row r="34" spans="1:20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627</v>
      </c>
      <c r="H34" s="24">
        <f>SUM(H31:H33)</f>
        <v>1407</v>
      </c>
      <c r="I34" s="24">
        <f t="shared" ref="I34:N34" si="6">SUM(I31:I33)</f>
        <v>1259</v>
      </c>
      <c r="J34" s="24">
        <f t="shared" si="6"/>
        <v>1246</v>
      </c>
      <c r="K34" s="24">
        <f t="shared" si="6"/>
        <v>1253</v>
      </c>
      <c r="L34" s="24">
        <f t="shared" si="6"/>
        <v>1243</v>
      </c>
      <c r="M34" s="24">
        <f t="shared" si="6"/>
        <v>1207</v>
      </c>
      <c r="N34" s="24">
        <f t="shared" si="6"/>
        <v>1183</v>
      </c>
      <c r="O34" s="24">
        <f>SUM(O31:O33)</f>
        <v>1163</v>
      </c>
      <c r="P34" s="24">
        <f>SUM(P31:P33)</f>
        <v>1128</v>
      </c>
      <c r="Q34" s="24">
        <f>SUM(Q31:Q33)</f>
        <v>1107</v>
      </c>
    </row>
    <row r="35" spans="1:20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0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0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0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0" ht="23.25" customHeight="1" x14ac:dyDescent="0.2">
      <c r="A39" s="6" t="s">
        <v>33</v>
      </c>
      <c r="B39" s="71" t="s">
        <v>7</v>
      </c>
      <c r="C39" s="71" t="s">
        <v>7</v>
      </c>
      <c r="D39" s="71" t="s">
        <v>7</v>
      </c>
      <c r="E39" s="71" t="s">
        <v>7</v>
      </c>
      <c r="F39" s="71" t="s">
        <v>7</v>
      </c>
      <c r="G39" s="77">
        <f t="shared" ref="G39:Q39" si="7">ROUND(G31/G34*100,1)</f>
        <v>14.1</v>
      </c>
      <c r="H39" s="77">
        <f t="shared" si="7"/>
        <v>13.7</v>
      </c>
      <c r="I39" s="77">
        <f t="shared" si="7"/>
        <v>12.4</v>
      </c>
      <c r="J39" s="77">
        <f t="shared" si="7"/>
        <v>12</v>
      </c>
      <c r="K39" s="77">
        <f t="shared" si="7"/>
        <v>11.7</v>
      </c>
      <c r="L39" s="77">
        <f t="shared" si="7"/>
        <v>11.3</v>
      </c>
      <c r="M39" s="77">
        <f t="shared" si="7"/>
        <v>10</v>
      </c>
      <c r="N39" s="77">
        <f t="shared" si="7"/>
        <v>9.5</v>
      </c>
      <c r="O39" s="77">
        <f t="shared" si="7"/>
        <v>8.9</v>
      </c>
      <c r="P39" s="77">
        <f t="shared" si="7"/>
        <v>8.9</v>
      </c>
      <c r="Q39" s="77">
        <f t="shared" si="7"/>
        <v>8.4</v>
      </c>
    </row>
    <row r="40" spans="1:20" ht="23.25" customHeight="1" x14ac:dyDescent="0.2">
      <c r="A40" s="9" t="s">
        <v>34</v>
      </c>
      <c r="B40" s="73" t="s">
        <v>7</v>
      </c>
      <c r="C40" s="73" t="s">
        <v>7</v>
      </c>
      <c r="D40" s="73" t="s">
        <v>7</v>
      </c>
      <c r="E40" s="73" t="s">
        <v>7</v>
      </c>
      <c r="F40" s="73" t="s">
        <v>7</v>
      </c>
      <c r="G40" s="78">
        <f t="shared" ref="G40:Q40" si="8">ROUND(G32/G34*100,1)</f>
        <v>64.400000000000006</v>
      </c>
      <c r="H40" s="78">
        <f t="shared" si="8"/>
        <v>61.6</v>
      </c>
      <c r="I40" s="78">
        <f t="shared" si="8"/>
        <v>56.6</v>
      </c>
      <c r="J40" s="78">
        <f t="shared" si="8"/>
        <v>55.7</v>
      </c>
      <c r="K40" s="78">
        <f t="shared" si="8"/>
        <v>55.1</v>
      </c>
      <c r="L40" s="78">
        <f t="shared" si="8"/>
        <v>54</v>
      </c>
      <c r="M40" s="78">
        <f t="shared" si="8"/>
        <v>53.5</v>
      </c>
      <c r="N40" s="78">
        <f t="shared" si="8"/>
        <v>52.9</v>
      </c>
      <c r="O40" s="78">
        <f t="shared" si="8"/>
        <v>53.2</v>
      </c>
      <c r="P40" s="78">
        <f t="shared" si="8"/>
        <v>52.6</v>
      </c>
      <c r="Q40" s="78">
        <f t="shared" si="8"/>
        <v>51.9</v>
      </c>
    </row>
    <row r="41" spans="1:20" ht="23.25" customHeight="1" x14ac:dyDescent="0.2">
      <c r="A41" s="12" t="s">
        <v>35</v>
      </c>
      <c r="B41" s="75" t="s">
        <v>7</v>
      </c>
      <c r="C41" s="75" t="s">
        <v>7</v>
      </c>
      <c r="D41" s="75" t="s">
        <v>7</v>
      </c>
      <c r="E41" s="75" t="s">
        <v>7</v>
      </c>
      <c r="F41" s="75" t="s">
        <v>7</v>
      </c>
      <c r="G41" s="79">
        <f t="shared" ref="G41:Q41" si="9">ROUND(G33/G34*100,1)</f>
        <v>21.5</v>
      </c>
      <c r="H41" s="79">
        <f t="shared" si="9"/>
        <v>24.7</v>
      </c>
      <c r="I41" s="79">
        <f t="shared" si="9"/>
        <v>31</v>
      </c>
      <c r="J41" s="79">
        <f t="shared" si="9"/>
        <v>32.299999999999997</v>
      </c>
      <c r="K41" s="79">
        <f t="shared" si="9"/>
        <v>33.200000000000003</v>
      </c>
      <c r="L41" s="79">
        <f t="shared" si="9"/>
        <v>34.799999999999997</v>
      </c>
      <c r="M41" s="79">
        <f t="shared" si="9"/>
        <v>36.5</v>
      </c>
      <c r="N41" s="79">
        <f t="shared" si="9"/>
        <v>37.6</v>
      </c>
      <c r="O41" s="79">
        <f t="shared" si="9"/>
        <v>37.799999999999997</v>
      </c>
      <c r="P41" s="79">
        <f t="shared" si="9"/>
        <v>38.6</v>
      </c>
      <c r="Q41" s="79">
        <f t="shared" si="9"/>
        <v>39.700000000000003</v>
      </c>
    </row>
    <row r="42" spans="1:20" ht="23.25" customHeight="1" x14ac:dyDescent="0.2">
      <c r="A42" s="5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0" ht="23.25" customHeight="1" x14ac:dyDescent="0.2">
      <c r="A43" s="5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0" ht="23.25" customHeight="1" x14ac:dyDescent="0.2">
      <c r="A44" s="5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0" ht="23.25" customHeight="1" x14ac:dyDescent="0.2">
      <c r="A45" s="5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0" ht="23.25" customHeight="1" x14ac:dyDescent="0.2">
      <c r="A46" s="5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0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0" ht="23.25" customHeight="1" thickTop="1" x14ac:dyDescent="0.2">
      <c r="A48" s="4"/>
      <c r="B48" s="4"/>
      <c r="C48" s="60" t="s">
        <v>39</v>
      </c>
      <c r="D48" s="61"/>
      <c r="E48" s="61"/>
      <c r="F48" s="62"/>
      <c r="J48" s="60" t="s">
        <v>40</v>
      </c>
      <c r="K48" s="61"/>
      <c r="L48" s="61"/>
      <c r="M48" s="61"/>
      <c r="N48" s="61"/>
      <c r="O48" s="62"/>
      <c r="P48" s="4"/>
      <c r="Q48" s="4"/>
      <c r="R48" s="4"/>
      <c r="S48" s="4"/>
      <c r="T48" s="4"/>
    </row>
    <row r="49" spans="1:20" ht="23.25" customHeight="1" thickBot="1" x14ac:dyDescent="0.25">
      <c r="A49" s="4"/>
      <c r="B49" s="4"/>
      <c r="C49" s="63"/>
      <c r="D49" s="64"/>
      <c r="E49" s="64"/>
      <c r="F49" s="65"/>
      <c r="J49" s="63"/>
      <c r="K49" s="64"/>
      <c r="L49" s="64"/>
      <c r="M49" s="64"/>
      <c r="N49" s="64"/>
      <c r="O49" s="65"/>
      <c r="P49" s="4"/>
      <c r="Q49" s="4"/>
      <c r="R49" s="4"/>
      <c r="S49" s="4"/>
      <c r="T49" s="4"/>
    </row>
    <row r="50" spans="1:20" ht="23.25" customHeight="1" thickTop="1" x14ac:dyDescent="0.25">
      <c r="A50" s="4"/>
      <c r="B50" s="4"/>
      <c r="C50" s="66"/>
      <c r="D50" s="66"/>
      <c r="E50" s="66"/>
      <c r="F50" s="4"/>
      <c r="L50" s="67"/>
      <c r="M50" s="67"/>
      <c r="N50" s="67"/>
      <c r="O50" s="4"/>
      <c r="P50" s="4"/>
      <c r="Q50" s="4"/>
      <c r="R50" s="4"/>
      <c r="S50" s="68"/>
      <c r="T50" s="4"/>
    </row>
    <row r="51" spans="1:20" ht="23.25" customHeight="1" x14ac:dyDescent="0.25">
      <c r="A51" s="4"/>
      <c r="B51" s="68"/>
      <c r="C51" s="68"/>
      <c r="D51" s="68"/>
      <c r="E51" s="68"/>
      <c r="F51" s="67"/>
      <c r="G51" s="67"/>
      <c r="H51" s="67"/>
      <c r="I51" s="67"/>
      <c r="J51" s="67"/>
      <c r="K51" s="67"/>
      <c r="L51" s="67"/>
      <c r="M51" s="67"/>
      <c r="N51" s="67"/>
      <c r="O51" s="4"/>
      <c r="P51" s="4"/>
      <c r="Q51" s="4"/>
      <c r="R51" s="4"/>
      <c r="S51" s="68"/>
      <c r="T51" s="4"/>
    </row>
    <row r="52" spans="1:20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0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0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69"/>
      <c r="O54" s="4"/>
      <c r="P54" s="4"/>
      <c r="Q54" s="4"/>
      <c r="R54" s="4"/>
      <c r="S54" s="4"/>
      <c r="T54" s="4"/>
    </row>
    <row r="55" spans="1:20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0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0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0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0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0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0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0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0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0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8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44</v>
      </c>
      <c r="H84" s="8">
        <v>26</v>
      </c>
      <c r="I84" s="8">
        <v>12</v>
      </c>
      <c r="J84" s="8">
        <v>16</v>
      </c>
      <c r="K84" s="8">
        <v>17</v>
      </c>
      <c r="L84" s="8">
        <v>17</v>
      </c>
      <c r="M84" s="8">
        <v>14</v>
      </c>
      <c r="N84" s="21">
        <v>11</v>
      </c>
      <c r="O84" s="21">
        <v>9</v>
      </c>
      <c r="P84" s="21">
        <v>8</v>
      </c>
      <c r="Q84" s="21">
        <v>8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38</v>
      </c>
      <c r="H85" s="8">
        <v>28</v>
      </c>
      <c r="I85" s="8">
        <v>24</v>
      </c>
      <c r="J85" s="8">
        <v>19</v>
      </c>
      <c r="K85" s="8">
        <v>20</v>
      </c>
      <c r="L85" s="8">
        <v>17</v>
      </c>
      <c r="M85" s="8">
        <v>18</v>
      </c>
      <c r="N85" s="21">
        <v>15</v>
      </c>
      <c r="O85" s="21">
        <v>18</v>
      </c>
      <c r="P85" s="21">
        <v>17</v>
      </c>
      <c r="Q85" s="21">
        <v>16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31</v>
      </c>
      <c r="H86" s="8">
        <v>29</v>
      </c>
      <c r="I86" s="8">
        <v>25</v>
      </c>
      <c r="J86" s="8">
        <v>27</v>
      </c>
      <c r="K86" s="8">
        <v>27</v>
      </c>
      <c r="L86" s="8">
        <v>28</v>
      </c>
      <c r="M86" s="8">
        <v>23</v>
      </c>
      <c r="N86" s="21">
        <v>24</v>
      </c>
      <c r="O86" s="21">
        <v>18</v>
      </c>
      <c r="P86" s="21">
        <v>19</v>
      </c>
      <c r="Q86" s="21">
        <v>17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45</v>
      </c>
      <c r="H87" s="11">
        <v>26</v>
      </c>
      <c r="I87" s="11">
        <v>27</v>
      </c>
      <c r="J87" s="11">
        <v>28</v>
      </c>
      <c r="K87" s="11">
        <v>25</v>
      </c>
      <c r="L87" s="11">
        <v>25</v>
      </c>
      <c r="M87" s="11">
        <v>28</v>
      </c>
      <c r="N87" s="22">
        <v>26</v>
      </c>
      <c r="O87" s="22">
        <v>29</v>
      </c>
      <c r="P87" s="22">
        <v>23</v>
      </c>
      <c r="Q87" s="22">
        <v>26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48</v>
      </c>
      <c r="H88" s="11">
        <v>39</v>
      </c>
      <c r="I88" s="11">
        <v>22</v>
      </c>
      <c r="J88" s="11">
        <v>15</v>
      </c>
      <c r="K88" s="11">
        <v>23</v>
      </c>
      <c r="L88" s="11">
        <v>28</v>
      </c>
      <c r="M88" s="11">
        <v>27</v>
      </c>
      <c r="N88" s="22">
        <v>24</v>
      </c>
      <c r="O88" s="22">
        <v>29</v>
      </c>
      <c r="P88" s="22">
        <v>22</v>
      </c>
      <c r="Q88" s="22">
        <v>14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54</v>
      </c>
      <c r="H89" s="11">
        <v>30</v>
      </c>
      <c r="I89" s="11">
        <v>29</v>
      </c>
      <c r="J89" s="11">
        <v>25</v>
      </c>
      <c r="K89" s="11">
        <v>19</v>
      </c>
      <c r="L89" s="11">
        <v>15</v>
      </c>
      <c r="M89" s="11">
        <v>13</v>
      </c>
      <c r="N89" s="22">
        <v>17</v>
      </c>
      <c r="O89" s="22">
        <v>12</v>
      </c>
      <c r="P89" s="22">
        <v>17</v>
      </c>
      <c r="Q89" s="22">
        <v>21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66</v>
      </c>
      <c r="H90" s="11">
        <v>39</v>
      </c>
      <c r="I90" s="11">
        <v>24</v>
      </c>
      <c r="J90" s="11">
        <v>22</v>
      </c>
      <c r="K90" s="11">
        <v>25</v>
      </c>
      <c r="L90" s="11">
        <v>21</v>
      </c>
      <c r="M90" s="11">
        <v>24</v>
      </c>
      <c r="N90" s="22">
        <v>21</v>
      </c>
      <c r="O90" s="22">
        <v>21</v>
      </c>
      <c r="P90" s="22">
        <v>17</v>
      </c>
      <c r="Q90" s="22">
        <v>14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34</v>
      </c>
      <c r="H91" s="11">
        <v>56</v>
      </c>
      <c r="I91" s="11">
        <v>30</v>
      </c>
      <c r="J91" s="11">
        <v>29</v>
      </c>
      <c r="K91" s="11">
        <v>32</v>
      </c>
      <c r="L91" s="11">
        <v>31</v>
      </c>
      <c r="M91" s="11">
        <v>29</v>
      </c>
      <c r="N91" s="22">
        <v>26</v>
      </c>
      <c r="O91" s="22">
        <v>24</v>
      </c>
      <c r="P91" s="22">
        <v>22</v>
      </c>
      <c r="Q91" s="22">
        <v>20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42</v>
      </c>
      <c r="H92" s="11">
        <v>32</v>
      </c>
      <c r="I92" s="11">
        <v>50</v>
      </c>
      <c r="J92" s="11">
        <v>46</v>
      </c>
      <c r="K92" s="11">
        <v>44</v>
      </c>
      <c r="L92" s="11">
        <v>40</v>
      </c>
      <c r="M92" s="11">
        <v>34</v>
      </c>
      <c r="N92" s="22">
        <v>29</v>
      </c>
      <c r="O92" s="22">
        <v>29</v>
      </c>
      <c r="P92" s="22">
        <v>33</v>
      </c>
      <c r="Q92" s="22">
        <v>31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60</v>
      </c>
      <c r="H93" s="11">
        <v>38</v>
      </c>
      <c r="I93" s="11">
        <v>26</v>
      </c>
      <c r="J93" s="11">
        <v>36</v>
      </c>
      <c r="K93" s="11">
        <v>34</v>
      </c>
      <c r="L93" s="11">
        <v>40</v>
      </c>
      <c r="M93" s="11">
        <v>46</v>
      </c>
      <c r="N93" s="22">
        <v>50</v>
      </c>
      <c r="O93" s="22">
        <v>46</v>
      </c>
      <c r="P93" s="22">
        <v>46</v>
      </c>
      <c r="Q93" s="22">
        <v>40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75</v>
      </c>
      <c r="H94" s="11">
        <v>53</v>
      </c>
      <c r="I94" s="11">
        <v>35</v>
      </c>
      <c r="J94" s="11">
        <v>34</v>
      </c>
      <c r="K94" s="11">
        <v>38</v>
      </c>
      <c r="L94" s="11">
        <v>40</v>
      </c>
      <c r="M94" s="11">
        <v>27</v>
      </c>
      <c r="N94" s="22">
        <v>26</v>
      </c>
      <c r="O94" s="22">
        <v>34</v>
      </c>
      <c r="P94" s="22">
        <v>32</v>
      </c>
      <c r="Q94" s="22">
        <v>38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59</v>
      </c>
      <c r="H95" s="11">
        <v>72</v>
      </c>
      <c r="I95" s="11">
        <v>49</v>
      </c>
      <c r="J95" s="11">
        <v>46</v>
      </c>
      <c r="K95" s="11">
        <v>41</v>
      </c>
      <c r="L95" s="11">
        <v>36</v>
      </c>
      <c r="M95" s="11">
        <v>42</v>
      </c>
      <c r="N95" s="22">
        <v>38</v>
      </c>
      <c r="O95" s="22">
        <v>34</v>
      </c>
      <c r="P95" s="22">
        <v>37</v>
      </c>
      <c r="Q95" s="22">
        <v>38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38</v>
      </c>
      <c r="H96" s="11">
        <v>52</v>
      </c>
      <c r="I96" s="11">
        <v>70</v>
      </c>
      <c r="J96" s="11">
        <v>61</v>
      </c>
      <c r="K96" s="11">
        <v>59</v>
      </c>
      <c r="L96" s="11">
        <v>57</v>
      </c>
      <c r="M96" s="11">
        <v>54</v>
      </c>
      <c r="N96" s="22">
        <v>49</v>
      </c>
      <c r="O96" s="22">
        <v>46</v>
      </c>
      <c r="P96" s="22">
        <v>41</v>
      </c>
      <c r="Q96" s="22">
        <v>36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41</v>
      </c>
      <c r="H97" s="14">
        <v>33</v>
      </c>
      <c r="I97" s="14">
        <v>50</v>
      </c>
      <c r="J97" s="14">
        <v>58</v>
      </c>
      <c r="K97" s="14">
        <v>56</v>
      </c>
      <c r="L97" s="14">
        <v>55</v>
      </c>
      <c r="M97" s="14">
        <v>58</v>
      </c>
      <c r="N97" s="23">
        <v>72</v>
      </c>
      <c r="O97" s="23">
        <v>63</v>
      </c>
      <c r="P97" s="23">
        <v>59</v>
      </c>
      <c r="Q97" s="23">
        <v>55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48</v>
      </c>
      <c r="H98" s="14">
        <v>39</v>
      </c>
      <c r="I98" s="14">
        <v>30</v>
      </c>
      <c r="J98" s="14">
        <v>28</v>
      </c>
      <c r="K98" s="14">
        <v>38</v>
      </c>
      <c r="L98" s="14">
        <v>46</v>
      </c>
      <c r="M98" s="14">
        <v>50</v>
      </c>
      <c r="N98" s="23">
        <v>45</v>
      </c>
      <c r="O98" s="23">
        <v>54</v>
      </c>
      <c r="P98" s="23">
        <v>53</v>
      </c>
      <c r="Q98" s="23">
        <v>49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31</v>
      </c>
      <c r="H99" s="14">
        <v>42</v>
      </c>
      <c r="I99" s="14">
        <v>34</v>
      </c>
      <c r="J99" s="14">
        <v>38</v>
      </c>
      <c r="K99" s="14">
        <v>31</v>
      </c>
      <c r="L99" s="14">
        <v>28</v>
      </c>
      <c r="M99" s="14">
        <v>30</v>
      </c>
      <c r="N99" s="23">
        <v>26</v>
      </c>
      <c r="O99" s="23">
        <v>23</v>
      </c>
      <c r="P99" s="23">
        <v>30</v>
      </c>
      <c r="Q99" s="23">
        <v>39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20</v>
      </c>
      <c r="H100" s="14">
        <v>29</v>
      </c>
      <c r="I100" s="14">
        <v>32</v>
      </c>
      <c r="J100" s="14">
        <v>34</v>
      </c>
      <c r="K100" s="14">
        <v>39</v>
      </c>
      <c r="L100" s="14">
        <v>34</v>
      </c>
      <c r="M100" s="14">
        <v>30</v>
      </c>
      <c r="N100" s="23">
        <v>29</v>
      </c>
      <c r="O100" s="23">
        <v>31</v>
      </c>
      <c r="P100" s="23">
        <v>28</v>
      </c>
      <c r="Q100" s="23">
        <v>25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0</v>
      </c>
      <c r="H101" s="14">
        <v>8</v>
      </c>
      <c r="I101" s="14">
        <v>14</v>
      </c>
      <c r="J101" s="14">
        <v>14</v>
      </c>
      <c r="K101" s="14">
        <v>15</v>
      </c>
      <c r="L101" s="14">
        <v>23</v>
      </c>
      <c r="M101" s="14">
        <v>21</v>
      </c>
      <c r="N101" s="23">
        <v>20</v>
      </c>
      <c r="O101" s="23">
        <v>20</v>
      </c>
      <c r="P101" s="23">
        <v>19</v>
      </c>
      <c r="Q101" s="23">
        <v>18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3</v>
      </c>
      <c r="H102" s="14">
        <v>3</v>
      </c>
      <c r="I102" s="14">
        <v>4</v>
      </c>
      <c r="J102" s="14">
        <v>4</v>
      </c>
      <c r="K102" s="14">
        <v>3</v>
      </c>
      <c r="L102" s="14">
        <v>4</v>
      </c>
      <c r="M102" s="14">
        <v>6</v>
      </c>
      <c r="N102" s="23">
        <v>9</v>
      </c>
      <c r="O102" s="23">
        <v>6</v>
      </c>
      <c r="P102" s="23">
        <v>8</v>
      </c>
      <c r="Q102" s="23">
        <v>9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1</v>
      </c>
      <c r="H103" s="14">
        <v>0</v>
      </c>
      <c r="I103" s="14">
        <v>0</v>
      </c>
      <c r="J103" s="14">
        <v>2</v>
      </c>
      <c r="K103" s="14">
        <v>1</v>
      </c>
      <c r="L103" s="14">
        <v>2</v>
      </c>
      <c r="M103" s="14">
        <v>2</v>
      </c>
      <c r="N103" s="23">
        <v>1</v>
      </c>
      <c r="O103" s="23">
        <v>1</v>
      </c>
      <c r="P103" s="23">
        <v>1</v>
      </c>
      <c r="Q103" s="23">
        <v>1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1</v>
      </c>
      <c r="P104" s="23">
        <v>1</v>
      </c>
      <c r="Q104" s="23">
        <v>1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788</v>
      </c>
      <c r="H105" s="17">
        <f t="shared" ref="H105:N105" si="10">SUM(H84:H104)</f>
        <v>674</v>
      </c>
      <c r="I105" s="17">
        <f t="shared" si="10"/>
        <v>587</v>
      </c>
      <c r="J105" s="17">
        <f t="shared" si="10"/>
        <v>582</v>
      </c>
      <c r="K105" s="17">
        <f t="shared" si="10"/>
        <v>587</v>
      </c>
      <c r="L105" s="17">
        <f t="shared" si="10"/>
        <v>587</v>
      </c>
      <c r="M105" s="17">
        <f t="shared" si="10"/>
        <v>576</v>
      </c>
      <c r="N105" s="17">
        <f t="shared" si="10"/>
        <v>558</v>
      </c>
      <c r="O105" s="17">
        <f>SUM(O84:O104)</f>
        <v>548</v>
      </c>
      <c r="P105" s="17">
        <f>SUM(P84:P104)</f>
        <v>533</v>
      </c>
      <c r="Q105" s="17">
        <f>SUM(Q84:Q104)</f>
        <v>516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113</v>
      </c>
      <c r="H110" s="8">
        <f t="shared" si="11"/>
        <v>83</v>
      </c>
      <c r="I110" s="8">
        <f t="shared" si="11"/>
        <v>61</v>
      </c>
      <c r="J110" s="8">
        <f t="shared" si="11"/>
        <v>62</v>
      </c>
      <c r="K110" s="8">
        <f t="shared" si="11"/>
        <v>64</v>
      </c>
      <c r="L110" s="8">
        <f t="shared" si="11"/>
        <v>62</v>
      </c>
      <c r="M110" s="8">
        <f t="shared" si="11"/>
        <v>55</v>
      </c>
      <c r="N110" s="8">
        <f t="shared" si="11"/>
        <v>50</v>
      </c>
      <c r="O110" s="8">
        <f t="shared" si="11"/>
        <v>45</v>
      </c>
      <c r="P110" s="8">
        <f t="shared" si="11"/>
        <v>44</v>
      </c>
      <c r="Q110" s="8">
        <v>41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521</v>
      </c>
      <c r="H111" s="11">
        <f t="shared" si="12"/>
        <v>437</v>
      </c>
      <c r="I111" s="11">
        <f t="shared" si="12"/>
        <v>362</v>
      </c>
      <c r="J111" s="11">
        <f t="shared" si="12"/>
        <v>342</v>
      </c>
      <c r="K111" s="11">
        <f t="shared" si="12"/>
        <v>340</v>
      </c>
      <c r="L111" s="11">
        <f t="shared" si="12"/>
        <v>333</v>
      </c>
      <c r="M111" s="11">
        <f t="shared" si="12"/>
        <v>324</v>
      </c>
      <c r="N111" s="11">
        <f t="shared" si="12"/>
        <v>306</v>
      </c>
      <c r="O111" s="11">
        <f t="shared" si="12"/>
        <v>304</v>
      </c>
      <c r="P111" s="11">
        <f t="shared" si="12"/>
        <v>290</v>
      </c>
      <c r="Q111" s="11">
        <v>278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154</v>
      </c>
      <c r="H112" s="14">
        <f t="shared" si="13"/>
        <v>154</v>
      </c>
      <c r="I112" s="14">
        <f t="shared" si="13"/>
        <v>164</v>
      </c>
      <c r="J112" s="14">
        <f t="shared" si="13"/>
        <v>178</v>
      </c>
      <c r="K112" s="14">
        <f t="shared" si="13"/>
        <v>183</v>
      </c>
      <c r="L112" s="14">
        <f t="shared" si="13"/>
        <v>192</v>
      </c>
      <c r="M112" s="14">
        <f t="shared" si="13"/>
        <v>197</v>
      </c>
      <c r="N112" s="14">
        <f t="shared" si="13"/>
        <v>202</v>
      </c>
      <c r="O112" s="14">
        <f t="shared" si="13"/>
        <v>199</v>
      </c>
      <c r="P112" s="14">
        <f t="shared" si="13"/>
        <v>199</v>
      </c>
      <c r="Q112" s="14">
        <v>197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788</v>
      </c>
      <c r="H113" s="17">
        <f t="shared" ref="H113:N113" si="14">SUM(H110:H112)</f>
        <v>674</v>
      </c>
      <c r="I113" s="17">
        <f t="shared" si="14"/>
        <v>587</v>
      </c>
      <c r="J113" s="17">
        <f t="shared" si="14"/>
        <v>582</v>
      </c>
      <c r="K113" s="17">
        <f t="shared" si="14"/>
        <v>587</v>
      </c>
      <c r="L113" s="17">
        <f t="shared" si="14"/>
        <v>587</v>
      </c>
      <c r="M113" s="17">
        <f t="shared" si="14"/>
        <v>576</v>
      </c>
      <c r="N113" s="17">
        <f t="shared" si="14"/>
        <v>558</v>
      </c>
      <c r="O113" s="17">
        <f>SUM(O110:O112)</f>
        <v>548</v>
      </c>
      <c r="P113" s="17">
        <f>SUM(P110:P112)</f>
        <v>533</v>
      </c>
      <c r="Q113" s="17">
        <f>SUM(Q110:Q112)</f>
        <v>516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71" t="s">
        <v>7</v>
      </c>
      <c r="C118" s="71" t="s">
        <v>7</v>
      </c>
      <c r="D118" s="71" t="s">
        <v>7</v>
      </c>
      <c r="E118" s="71" t="s">
        <v>7</v>
      </c>
      <c r="F118" s="71" t="s">
        <v>7</v>
      </c>
      <c r="G118" s="72">
        <f t="shared" ref="G118:Q118" si="15">ROUND(G110/G113*100,1)</f>
        <v>14.3</v>
      </c>
      <c r="H118" s="72">
        <f t="shared" si="15"/>
        <v>12.3</v>
      </c>
      <c r="I118" s="72">
        <f t="shared" si="15"/>
        <v>10.4</v>
      </c>
      <c r="J118" s="72">
        <f t="shared" si="15"/>
        <v>10.7</v>
      </c>
      <c r="K118" s="72">
        <f t="shared" si="15"/>
        <v>10.9</v>
      </c>
      <c r="L118" s="72">
        <f t="shared" si="15"/>
        <v>10.6</v>
      </c>
      <c r="M118" s="72">
        <f t="shared" si="15"/>
        <v>9.5</v>
      </c>
      <c r="N118" s="72">
        <f t="shared" si="15"/>
        <v>9</v>
      </c>
      <c r="O118" s="72">
        <f t="shared" si="15"/>
        <v>8.1999999999999993</v>
      </c>
      <c r="P118" s="72">
        <f t="shared" si="15"/>
        <v>8.3000000000000007</v>
      </c>
      <c r="Q118" s="72">
        <f t="shared" si="15"/>
        <v>7.9</v>
      </c>
    </row>
    <row r="119" spans="1:17" ht="21.75" customHeight="1" x14ac:dyDescent="0.2">
      <c r="A119" s="9" t="s">
        <v>34</v>
      </c>
      <c r="B119" s="73" t="s">
        <v>7</v>
      </c>
      <c r="C119" s="73" t="s">
        <v>7</v>
      </c>
      <c r="D119" s="73" t="s">
        <v>7</v>
      </c>
      <c r="E119" s="73" t="s">
        <v>7</v>
      </c>
      <c r="F119" s="73" t="s">
        <v>7</v>
      </c>
      <c r="G119" s="74">
        <f t="shared" ref="G119:Q119" si="16">ROUND(G111/G113*100,1)</f>
        <v>66.099999999999994</v>
      </c>
      <c r="H119" s="74">
        <f t="shared" si="16"/>
        <v>64.8</v>
      </c>
      <c r="I119" s="74">
        <f t="shared" si="16"/>
        <v>61.7</v>
      </c>
      <c r="J119" s="74">
        <f t="shared" si="16"/>
        <v>58.8</v>
      </c>
      <c r="K119" s="74">
        <f t="shared" si="16"/>
        <v>57.9</v>
      </c>
      <c r="L119" s="74">
        <f t="shared" si="16"/>
        <v>56.7</v>
      </c>
      <c r="M119" s="74">
        <f t="shared" si="16"/>
        <v>56.3</v>
      </c>
      <c r="N119" s="74">
        <f t="shared" si="16"/>
        <v>54.8</v>
      </c>
      <c r="O119" s="74">
        <f t="shared" si="16"/>
        <v>55.5</v>
      </c>
      <c r="P119" s="74">
        <f t="shared" si="16"/>
        <v>54.4</v>
      </c>
      <c r="Q119" s="74">
        <f t="shared" si="16"/>
        <v>53.9</v>
      </c>
    </row>
    <row r="120" spans="1:17" ht="21.75" customHeight="1" x14ac:dyDescent="0.2">
      <c r="A120" s="12" t="s">
        <v>35</v>
      </c>
      <c r="B120" s="75" t="s">
        <v>7</v>
      </c>
      <c r="C120" s="75" t="s">
        <v>7</v>
      </c>
      <c r="D120" s="75" t="s">
        <v>7</v>
      </c>
      <c r="E120" s="75" t="s">
        <v>7</v>
      </c>
      <c r="F120" s="75" t="s">
        <v>7</v>
      </c>
      <c r="G120" s="76">
        <f t="shared" ref="G120:Q120" si="17">ROUND(G112/G113*100,1)</f>
        <v>19.5</v>
      </c>
      <c r="H120" s="76">
        <f t="shared" si="17"/>
        <v>22.8</v>
      </c>
      <c r="I120" s="76">
        <f t="shared" si="17"/>
        <v>27.9</v>
      </c>
      <c r="J120" s="76">
        <f t="shared" si="17"/>
        <v>30.6</v>
      </c>
      <c r="K120" s="76">
        <f t="shared" si="17"/>
        <v>31.2</v>
      </c>
      <c r="L120" s="76">
        <f t="shared" si="17"/>
        <v>32.700000000000003</v>
      </c>
      <c r="M120" s="76">
        <f t="shared" si="17"/>
        <v>34.200000000000003</v>
      </c>
      <c r="N120" s="76">
        <f t="shared" si="17"/>
        <v>36.200000000000003</v>
      </c>
      <c r="O120" s="76">
        <f t="shared" si="17"/>
        <v>36.299999999999997</v>
      </c>
      <c r="P120" s="76">
        <f t="shared" si="17"/>
        <v>37.299999999999997</v>
      </c>
      <c r="Q120" s="76">
        <f t="shared" si="17"/>
        <v>38.200000000000003</v>
      </c>
    </row>
    <row r="121" spans="1:17" ht="21.75" customHeight="1" x14ac:dyDescent="0.35">
      <c r="A121" s="5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5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5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5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5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5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9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60</v>
      </c>
      <c r="B129" s="15" t="s">
        <v>6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50</v>
      </c>
      <c r="H130" s="8">
        <v>29</v>
      </c>
      <c r="I130" s="8">
        <v>33</v>
      </c>
      <c r="J130" s="8">
        <v>27</v>
      </c>
      <c r="K130" s="8">
        <v>24</v>
      </c>
      <c r="L130" s="8">
        <v>25</v>
      </c>
      <c r="M130" s="8">
        <v>17</v>
      </c>
      <c r="N130" s="21">
        <v>6</v>
      </c>
      <c r="O130" s="21">
        <v>6</v>
      </c>
      <c r="P130" s="21">
        <v>5</v>
      </c>
      <c r="Q130" s="21">
        <v>5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41</v>
      </c>
      <c r="H131" s="8">
        <v>44</v>
      </c>
      <c r="I131" s="8">
        <v>27</v>
      </c>
      <c r="J131" s="8">
        <v>26</v>
      </c>
      <c r="K131" s="8">
        <v>31</v>
      </c>
      <c r="L131" s="8">
        <v>26</v>
      </c>
      <c r="M131" s="8">
        <v>22</v>
      </c>
      <c r="N131" s="21">
        <v>30</v>
      </c>
      <c r="O131" s="21">
        <v>26</v>
      </c>
      <c r="P131" s="21">
        <v>22</v>
      </c>
      <c r="Q131" s="21">
        <v>21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25</v>
      </c>
      <c r="H132" s="8">
        <v>37</v>
      </c>
      <c r="I132" s="8">
        <v>35</v>
      </c>
      <c r="J132" s="8">
        <v>34</v>
      </c>
      <c r="K132" s="8">
        <v>28</v>
      </c>
      <c r="L132" s="8">
        <v>27</v>
      </c>
      <c r="M132" s="8">
        <v>27</v>
      </c>
      <c r="N132" s="21">
        <v>26</v>
      </c>
      <c r="O132" s="21">
        <v>27</v>
      </c>
      <c r="P132" s="21">
        <v>29</v>
      </c>
      <c r="Q132" s="21">
        <v>26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49</v>
      </c>
      <c r="H133" s="11">
        <v>25</v>
      </c>
      <c r="I133" s="11">
        <v>30</v>
      </c>
      <c r="J133" s="11">
        <v>32</v>
      </c>
      <c r="K133" s="11">
        <v>33</v>
      </c>
      <c r="L133" s="11">
        <v>36</v>
      </c>
      <c r="M133" s="11">
        <v>36</v>
      </c>
      <c r="N133" s="22">
        <v>36</v>
      </c>
      <c r="O133" s="22">
        <v>34</v>
      </c>
      <c r="P133" s="22">
        <v>27</v>
      </c>
      <c r="Q133" s="22">
        <v>24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55</v>
      </c>
      <c r="H134" s="11">
        <v>44</v>
      </c>
      <c r="I134" s="11">
        <v>19</v>
      </c>
      <c r="J134" s="11">
        <v>20</v>
      </c>
      <c r="K134" s="11">
        <v>22</v>
      </c>
      <c r="L134" s="11">
        <v>19</v>
      </c>
      <c r="M134" s="11">
        <v>24</v>
      </c>
      <c r="N134" s="22">
        <v>25</v>
      </c>
      <c r="O134" s="22">
        <v>27</v>
      </c>
      <c r="P134" s="22">
        <v>31</v>
      </c>
      <c r="Q134" s="22">
        <v>35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50</v>
      </c>
      <c r="H135" s="11">
        <v>39</v>
      </c>
      <c r="I135" s="11">
        <v>28</v>
      </c>
      <c r="J135" s="11">
        <v>27</v>
      </c>
      <c r="K135" s="11">
        <v>26</v>
      </c>
      <c r="L135" s="11">
        <v>21</v>
      </c>
      <c r="M135" s="11">
        <v>15</v>
      </c>
      <c r="N135" s="22">
        <v>13</v>
      </c>
      <c r="O135" s="22">
        <v>12</v>
      </c>
      <c r="P135" s="22">
        <v>11</v>
      </c>
      <c r="Q135" s="22">
        <v>15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68</v>
      </c>
      <c r="H136" s="11">
        <v>40</v>
      </c>
      <c r="I136" s="11">
        <v>29</v>
      </c>
      <c r="J136" s="11">
        <v>28</v>
      </c>
      <c r="K136" s="11">
        <v>28</v>
      </c>
      <c r="L136" s="11">
        <v>30</v>
      </c>
      <c r="M136" s="11">
        <v>28</v>
      </c>
      <c r="N136" s="22">
        <v>21</v>
      </c>
      <c r="O136" s="22">
        <v>19</v>
      </c>
      <c r="P136" s="22">
        <v>13</v>
      </c>
      <c r="Q136" s="22">
        <v>11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46</v>
      </c>
      <c r="H137" s="11">
        <v>49</v>
      </c>
      <c r="I137" s="11">
        <v>42</v>
      </c>
      <c r="J137" s="11">
        <v>35</v>
      </c>
      <c r="K137" s="11">
        <v>35</v>
      </c>
      <c r="L137" s="11">
        <v>29</v>
      </c>
      <c r="M137" s="11">
        <v>27</v>
      </c>
      <c r="N137" s="22">
        <v>35</v>
      </c>
      <c r="O137" s="22">
        <v>30</v>
      </c>
      <c r="P137" s="22">
        <v>27</v>
      </c>
      <c r="Q137" s="22">
        <v>26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34</v>
      </c>
      <c r="H138" s="11">
        <v>39</v>
      </c>
      <c r="I138" s="11">
        <v>38</v>
      </c>
      <c r="J138" s="11">
        <v>41</v>
      </c>
      <c r="K138" s="11">
        <v>40</v>
      </c>
      <c r="L138" s="11">
        <v>45</v>
      </c>
      <c r="M138" s="11">
        <v>40</v>
      </c>
      <c r="N138" s="22">
        <v>38</v>
      </c>
      <c r="O138" s="22">
        <v>32</v>
      </c>
      <c r="P138" s="22">
        <v>34</v>
      </c>
      <c r="Q138" s="22">
        <v>32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51</v>
      </c>
      <c r="H139" s="11">
        <v>31</v>
      </c>
      <c r="I139" s="11">
        <v>37</v>
      </c>
      <c r="J139" s="11">
        <v>39</v>
      </c>
      <c r="K139" s="11">
        <v>42</v>
      </c>
      <c r="L139" s="11">
        <v>40</v>
      </c>
      <c r="M139" s="11">
        <v>44</v>
      </c>
      <c r="N139" s="22">
        <v>41</v>
      </c>
      <c r="O139" s="22">
        <v>42</v>
      </c>
      <c r="P139" s="22">
        <v>39</v>
      </c>
      <c r="Q139" s="22">
        <v>42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64</v>
      </c>
      <c r="H140" s="11">
        <v>45</v>
      </c>
      <c r="I140" s="11">
        <v>31</v>
      </c>
      <c r="J140" s="11">
        <v>33</v>
      </c>
      <c r="K140" s="11">
        <v>30</v>
      </c>
      <c r="L140" s="11">
        <v>33</v>
      </c>
      <c r="M140" s="11">
        <v>35</v>
      </c>
      <c r="N140" s="22">
        <v>36</v>
      </c>
      <c r="O140" s="22">
        <v>40</v>
      </c>
      <c r="P140" s="22">
        <v>43</v>
      </c>
      <c r="Q140" s="22">
        <v>41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69</v>
      </c>
      <c r="H141" s="11">
        <v>59</v>
      </c>
      <c r="I141" s="11">
        <v>43</v>
      </c>
      <c r="J141" s="11">
        <v>47</v>
      </c>
      <c r="K141" s="11">
        <v>50</v>
      </c>
      <c r="L141" s="11">
        <v>38</v>
      </c>
      <c r="M141" s="11">
        <v>28</v>
      </c>
      <c r="N141" s="22">
        <v>29</v>
      </c>
      <c r="O141" s="22">
        <v>30</v>
      </c>
      <c r="P141" s="22">
        <v>29</v>
      </c>
      <c r="Q141" s="22">
        <v>31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41</v>
      </c>
      <c r="H142" s="11">
        <v>59</v>
      </c>
      <c r="I142" s="11">
        <v>54</v>
      </c>
      <c r="J142" s="11">
        <v>50</v>
      </c>
      <c r="K142" s="11">
        <v>44</v>
      </c>
      <c r="L142" s="11">
        <v>47</v>
      </c>
      <c r="M142" s="11">
        <v>45</v>
      </c>
      <c r="N142" s="22">
        <v>46</v>
      </c>
      <c r="O142" s="22">
        <v>49</v>
      </c>
      <c r="P142" s="22">
        <v>49</v>
      </c>
      <c r="Q142" s="22">
        <v>40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43</v>
      </c>
      <c r="H143" s="14">
        <v>39</v>
      </c>
      <c r="I143" s="14">
        <v>59</v>
      </c>
      <c r="J143" s="14">
        <v>57</v>
      </c>
      <c r="K143" s="14">
        <v>53</v>
      </c>
      <c r="L143" s="14">
        <v>54</v>
      </c>
      <c r="M143" s="14">
        <v>55</v>
      </c>
      <c r="N143" s="23">
        <v>53</v>
      </c>
      <c r="O143" s="23">
        <v>51</v>
      </c>
      <c r="P143" s="23">
        <v>45</v>
      </c>
      <c r="Q143" s="23">
        <v>46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56</v>
      </c>
      <c r="H144" s="14">
        <v>40</v>
      </c>
      <c r="I144" s="14">
        <v>38</v>
      </c>
      <c r="J144" s="14">
        <v>36</v>
      </c>
      <c r="K144" s="14">
        <v>46</v>
      </c>
      <c r="L144" s="14">
        <v>49</v>
      </c>
      <c r="M144" s="14">
        <v>52</v>
      </c>
      <c r="N144" s="23">
        <v>55</v>
      </c>
      <c r="O144" s="23">
        <v>53</v>
      </c>
      <c r="P144" s="23">
        <v>49</v>
      </c>
      <c r="Q144" s="23">
        <v>51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47</v>
      </c>
      <c r="H145" s="14">
        <v>52</v>
      </c>
      <c r="I145" s="14">
        <v>39</v>
      </c>
      <c r="J145" s="14">
        <v>36</v>
      </c>
      <c r="K145" s="14">
        <v>39</v>
      </c>
      <c r="L145" s="14">
        <v>40</v>
      </c>
      <c r="M145" s="14">
        <v>38</v>
      </c>
      <c r="N145" s="23">
        <v>36</v>
      </c>
      <c r="O145" s="23">
        <v>33</v>
      </c>
      <c r="P145" s="23">
        <v>42</v>
      </c>
      <c r="Q145" s="23">
        <v>47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25</v>
      </c>
      <c r="H146" s="14">
        <v>36</v>
      </c>
      <c r="I146" s="14">
        <v>47</v>
      </c>
      <c r="J146" s="14">
        <v>45</v>
      </c>
      <c r="K146" s="14">
        <v>36</v>
      </c>
      <c r="L146" s="14">
        <v>36</v>
      </c>
      <c r="M146" s="14">
        <v>32</v>
      </c>
      <c r="N146" s="23">
        <v>38</v>
      </c>
      <c r="O146" s="23">
        <v>37</v>
      </c>
      <c r="P146" s="23">
        <v>38</v>
      </c>
      <c r="Q146" s="23">
        <v>35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13</v>
      </c>
      <c r="H147" s="14">
        <v>19</v>
      </c>
      <c r="I147" s="14">
        <v>31</v>
      </c>
      <c r="J147" s="14">
        <v>35</v>
      </c>
      <c r="K147" s="14">
        <v>43</v>
      </c>
      <c r="L147" s="14">
        <v>39</v>
      </c>
      <c r="M147" s="14">
        <v>43</v>
      </c>
      <c r="N147" s="23">
        <v>35</v>
      </c>
      <c r="O147" s="23">
        <v>38</v>
      </c>
      <c r="P147" s="23">
        <v>32</v>
      </c>
      <c r="Q147" s="23">
        <v>31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8</v>
      </c>
      <c r="H148" s="14">
        <v>4</v>
      </c>
      <c r="I148" s="14">
        <v>11</v>
      </c>
      <c r="J148" s="14">
        <v>13</v>
      </c>
      <c r="K148" s="14">
        <v>14</v>
      </c>
      <c r="L148" s="14">
        <v>16</v>
      </c>
      <c r="M148" s="14">
        <v>17</v>
      </c>
      <c r="N148" s="23">
        <v>18</v>
      </c>
      <c r="O148" s="23">
        <v>21</v>
      </c>
      <c r="P148" s="23">
        <v>24</v>
      </c>
      <c r="Q148" s="23">
        <v>21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3</v>
      </c>
      <c r="H149" s="14">
        <v>3</v>
      </c>
      <c r="I149" s="14">
        <v>1</v>
      </c>
      <c r="J149" s="14">
        <v>3</v>
      </c>
      <c r="K149" s="14">
        <v>2</v>
      </c>
      <c r="L149" s="14">
        <v>6</v>
      </c>
      <c r="M149" s="14">
        <v>6</v>
      </c>
      <c r="N149" s="23">
        <v>8</v>
      </c>
      <c r="O149" s="23">
        <v>7</v>
      </c>
      <c r="P149" s="23">
        <v>5</v>
      </c>
      <c r="Q149" s="23">
        <v>9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1</v>
      </c>
      <c r="H150" s="14">
        <v>0</v>
      </c>
      <c r="I150" s="14">
        <v>0</v>
      </c>
      <c r="J150" s="14">
        <v>0</v>
      </c>
      <c r="K150" s="14">
        <v>0</v>
      </c>
      <c r="L150" s="14">
        <v>0</v>
      </c>
      <c r="M150" s="14">
        <v>0</v>
      </c>
      <c r="N150" s="23">
        <v>0</v>
      </c>
      <c r="O150" s="23">
        <v>1</v>
      </c>
      <c r="P150" s="23">
        <v>1</v>
      </c>
      <c r="Q150" s="23">
        <v>2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839</v>
      </c>
      <c r="H151" s="17">
        <f t="shared" ref="H151:N151" si="18">SUM(H130:H150)</f>
        <v>733</v>
      </c>
      <c r="I151" s="17">
        <f t="shared" si="18"/>
        <v>672</v>
      </c>
      <c r="J151" s="17">
        <f t="shared" si="18"/>
        <v>664</v>
      </c>
      <c r="K151" s="17">
        <f t="shared" si="18"/>
        <v>666</v>
      </c>
      <c r="L151" s="17">
        <f t="shared" si="18"/>
        <v>656</v>
      </c>
      <c r="M151" s="17">
        <f t="shared" si="18"/>
        <v>631</v>
      </c>
      <c r="N151" s="17">
        <f t="shared" si="18"/>
        <v>625</v>
      </c>
      <c r="O151" s="17">
        <f>SUM(O130:O150)</f>
        <v>615</v>
      </c>
      <c r="P151" s="17">
        <f>SUM(P130:P150)</f>
        <v>595</v>
      </c>
      <c r="Q151" s="17">
        <f>SUM(Q130:Q150)</f>
        <v>591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60</v>
      </c>
      <c r="B155" s="15" t="s">
        <v>6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16</v>
      </c>
      <c r="H156" s="8">
        <f t="shared" si="19"/>
        <v>110</v>
      </c>
      <c r="I156" s="8">
        <f t="shared" si="19"/>
        <v>95</v>
      </c>
      <c r="J156" s="8">
        <f t="shared" si="19"/>
        <v>87</v>
      </c>
      <c r="K156" s="8">
        <f t="shared" si="19"/>
        <v>83</v>
      </c>
      <c r="L156" s="8">
        <f t="shared" si="19"/>
        <v>78</v>
      </c>
      <c r="M156" s="8">
        <f t="shared" si="19"/>
        <v>66</v>
      </c>
      <c r="N156" s="8">
        <f t="shared" si="19"/>
        <v>62</v>
      </c>
      <c r="O156" s="8">
        <f t="shared" si="19"/>
        <v>59</v>
      </c>
      <c r="P156" s="8">
        <f t="shared" si="19"/>
        <v>56</v>
      </c>
      <c r="Q156" s="8">
        <v>52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527</v>
      </c>
      <c r="H157" s="11">
        <f t="shared" si="20"/>
        <v>430</v>
      </c>
      <c r="I157" s="11">
        <f t="shared" si="20"/>
        <v>351</v>
      </c>
      <c r="J157" s="11">
        <f t="shared" si="20"/>
        <v>352</v>
      </c>
      <c r="K157" s="11">
        <f t="shared" si="20"/>
        <v>350</v>
      </c>
      <c r="L157" s="11">
        <f t="shared" si="20"/>
        <v>338</v>
      </c>
      <c r="M157" s="11">
        <f t="shared" si="20"/>
        <v>322</v>
      </c>
      <c r="N157" s="11">
        <f t="shared" si="20"/>
        <v>320</v>
      </c>
      <c r="O157" s="11">
        <f t="shared" si="20"/>
        <v>315</v>
      </c>
      <c r="P157" s="11">
        <f t="shared" si="20"/>
        <v>303</v>
      </c>
      <c r="Q157" s="11">
        <v>297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196</v>
      </c>
      <c r="H158" s="14">
        <f t="shared" si="21"/>
        <v>193</v>
      </c>
      <c r="I158" s="14">
        <f t="shared" si="21"/>
        <v>226</v>
      </c>
      <c r="J158" s="14">
        <f t="shared" si="21"/>
        <v>225</v>
      </c>
      <c r="K158" s="14">
        <f t="shared" si="21"/>
        <v>233</v>
      </c>
      <c r="L158" s="14">
        <f t="shared" si="21"/>
        <v>240</v>
      </c>
      <c r="M158" s="14">
        <f t="shared" si="21"/>
        <v>243</v>
      </c>
      <c r="N158" s="14">
        <f t="shared" si="21"/>
        <v>243</v>
      </c>
      <c r="O158" s="14">
        <f t="shared" si="21"/>
        <v>241</v>
      </c>
      <c r="P158" s="14">
        <f t="shared" si="21"/>
        <v>236</v>
      </c>
      <c r="Q158" s="14">
        <v>242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839</v>
      </c>
      <c r="H159" s="17">
        <f t="shared" ref="H159:N159" si="22">SUM(H156:H158)</f>
        <v>733</v>
      </c>
      <c r="I159" s="17">
        <f t="shared" si="22"/>
        <v>672</v>
      </c>
      <c r="J159" s="17">
        <f t="shared" si="22"/>
        <v>664</v>
      </c>
      <c r="K159" s="17">
        <f t="shared" si="22"/>
        <v>666</v>
      </c>
      <c r="L159" s="17">
        <f t="shared" si="22"/>
        <v>656</v>
      </c>
      <c r="M159" s="17">
        <f t="shared" si="22"/>
        <v>631</v>
      </c>
      <c r="N159" s="17">
        <f t="shared" si="22"/>
        <v>625</v>
      </c>
      <c r="O159" s="17">
        <f>SUM(O156:O158)</f>
        <v>615</v>
      </c>
      <c r="P159" s="17">
        <f>SUM(P156:P158)</f>
        <v>595</v>
      </c>
      <c r="Q159" s="17">
        <f>SUM(Q156:Q158)</f>
        <v>591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71" t="s">
        <v>7</v>
      </c>
      <c r="C164" s="71" t="s">
        <v>7</v>
      </c>
      <c r="D164" s="71" t="s">
        <v>7</v>
      </c>
      <c r="E164" s="71" t="s">
        <v>7</v>
      </c>
      <c r="F164" s="71" t="s">
        <v>7</v>
      </c>
      <c r="G164" s="72">
        <f t="shared" ref="G164:Q164" si="23">ROUND(G156/G159*100,1)</f>
        <v>13.8</v>
      </c>
      <c r="H164" s="72">
        <f t="shared" si="23"/>
        <v>15</v>
      </c>
      <c r="I164" s="72">
        <f t="shared" si="23"/>
        <v>14.1</v>
      </c>
      <c r="J164" s="72">
        <f t="shared" si="23"/>
        <v>13.1</v>
      </c>
      <c r="K164" s="72">
        <f t="shared" si="23"/>
        <v>12.5</v>
      </c>
      <c r="L164" s="72">
        <f t="shared" si="23"/>
        <v>11.9</v>
      </c>
      <c r="M164" s="72">
        <f t="shared" si="23"/>
        <v>10.5</v>
      </c>
      <c r="N164" s="72">
        <f t="shared" si="23"/>
        <v>9.9</v>
      </c>
      <c r="O164" s="72">
        <f t="shared" si="23"/>
        <v>9.6</v>
      </c>
      <c r="P164" s="72">
        <f t="shared" si="23"/>
        <v>9.4</v>
      </c>
      <c r="Q164" s="72">
        <f t="shared" si="23"/>
        <v>8.8000000000000007</v>
      </c>
    </row>
    <row r="165" spans="1:20" ht="21.75" customHeight="1" x14ac:dyDescent="0.2">
      <c r="A165" s="9" t="s">
        <v>34</v>
      </c>
      <c r="B165" s="73" t="s">
        <v>7</v>
      </c>
      <c r="C165" s="73" t="s">
        <v>7</v>
      </c>
      <c r="D165" s="73" t="s">
        <v>7</v>
      </c>
      <c r="E165" s="73" t="s">
        <v>7</v>
      </c>
      <c r="F165" s="73" t="s">
        <v>7</v>
      </c>
      <c r="G165" s="74">
        <f t="shared" ref="G165:Q165" si="24">ROUND(G157/G159*100,1)</f>
        <v>62.8</v>
      </c>
      <c r="H165" s="74">
        <f t="shared" si="24"/>
        <v>58.7</v>
      </c>
      <c r="I165" s="74">
        <f t="shared" si="24"/>
        <v>52.2</v>
      </c>
      <c r="J165" s="74">
        <f t="shared" si="24"/>
        <v>53</v>
      </c>
      <c r="K165" s="74">
        <f t="shared" si="24"/>
        <v>52.6</v>
      </c>
      <c r="L165" s="74">
        <f t="shared" si="24"/>
        <v>51.5</v>
      </c>
      <c r="M165" s="74">
        <f t="shared" si="24"/>
        <v>51</v>
      </c>
      <c r="N165" s="74">
        <f t="shared" si="24"/>
        <v>51.2</v>
      </c>
      <c r="O165" s="74">
        <f t="shared" si="24"/>
        <v>51.2</v>
      </c>
      <c r="P165" s="74">
        <f t="shared" si="24"/>
        <v>50.9</v>
      </c>
      <c r="Q165" s="74">
        <f t="shared" si="24"/>
        <v>50.3</v>
      </c>
    </row>
    <row r="166" spans="1:20" ht="21.75" customHeight="1" x14ac:dyDescent="0.2">
      <c r="A166" s="12" t="s">
        <v>35</v>
      </c>
      <c r="B166" s="75" t="s">
        <v>7</v>
      </c>
      <c r="C166" s="75" t="s">
        <v>7</v>
      </c>
      <c r="D166" s="75" t="s">
        <v>7</v>
      </c>
      <c r="E166" s="75" t="s">
        <v>7</v>
      </c>
      <c r="F166" s="75" t="s">
        <v>7</v>
      </c>
      <c r="G166" s="76">
        <f t="shared" ref="G166:Q166" si="25">ROUND(G158/G159*100,1)</f>
        <v>23.4</v>
      </c>
      <c r="H166" s="76">
        <f t="shared" si="25"/>
        <v>26.3</v>
      </c>
      <c r="I166" s="76">
        <f t="shared" si="25"/>
        <v>33.6</v>
      </c>
      <c r="J166" s="76">
        <f t="shared" si="25"/>
        <v>33.9</v>
      </c>
      <c r="K166" s="76">
        <f t="shared" si="25"/>
        <v>35</v>
      </c>
      <c r="L166" s="76">
        <f t="shared" si="25"/>
        <v>36.6</v>
      </c>
      <c r="M166" s="76">
        <f t="shared" si="25"/>
        <v>38.5</v>
      </c>
      <c r="N166" s="76">
        <f t="shared" si="25"/>
        <v>38.9</v>
      </c>
      <c r="O166" s="76">
        <f t="shared" si="25"/>
        <v>39.200000000000003</v>
      </c>
      <c r="P166" s="76">
        <f t="shared" si="25"/>
        <v>39.700000000000003</v>
      </c>
      <c r="Q166" s="76">
        <f t="shared" si="25"/>
        <v>40.9</v>
      </c>
    </row>
    <row r="167" spans="1:20" ht="21.75" customHeight="1" x14ac:dyDescent="0.2">
      <c r="A167" s="5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66"/>
      <c r="B168" s="66"/>
      <c r="C168" s="66"/>
      <c r="D168" s="66"/>
      <c r="E168" s="66"/>
      <c r="F168" s="66"/>
      <c r="G168" s="66"/>
      <c r="H168" s="66"/>
      <c r="I168" s="66"/>
      <c r="J168" s="66"/>
      <c r="K168" s="66"/>
      <c r="L168" s="66"/>
      <c r="M168" s="66"/>
      <c r="N168" s="66"/>
      <c r="O168" s="66"/>
      <c r="P168" s="66"/>
      <c r="Q168" s="66"/>
      <c r="R168" s="66"/>
      <c r="S168" s="66"/>
      <c r="T168" s="6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FFA965-6AB7-469B-8BA1-3E9517725633}">
  <sheetPr codeName="Sheet73"/>
  <dimension ref="A1:T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4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62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28</v>
      </c>
      <c r="H5" s="8">
        <f t="shared" si="0"/>
        <v>20</v>
      </c>
      <c r="I5" s="8">
        <f t="shared" si="0"/>
        <v>12</v>
      </c>
      <c r="J5" s="8">
        <f t="shared" si="0"/>
        <v>15</v>
      </c>
      <c r="K5" s="8">
        <f t="shared" si="0"/>
        <v>8</v>
      </c>
      <c r="L5" s="8">
        <f t="shared" si="0"/>
        <v>8</v>
      </c>
      <c r="M5" s="8">
        <f t="shared" si="0"/>
        <v>8</v>
      </c>
      <c r="N5" s="8">
        <f t="shared" si="0"/>
        <v>5</v>
      </c>
      <c r="O5" s="8">
        <f t="shared" si="0"/>
        <v>4</v>
      </c>
      <c r="P5" s="8">
        <f t="shared" si="0"/>
        <v>3</v>
      </c>
      <c r="Q5" s="8">
        <f t="shared" si="0"/>
        <v>1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33</v>
      </c>
      <c r="H6" s="8">
        <f t="shared" si="0"/>
        <v>27</v>
      </c>
      <c r="I6" s="8">
        <f t="shared" si="0"/>
        <v>17</v>
      </c>
      <c r="J6" s="8">
        <f t="shared" si="0"/>
        <v>13</v>
      </c>
      <c r="K6" s="8">
        <f t="shared" si="0"/>
        <v>20</v>
      </c>
      <c r="L6" s="8">
        <f t="shared" si="0"/>
        <v>17</v>
      </c>
      <c r="M6" s="8">
        <f t="shared" si="0"/>
        <v>16</v>
      </c>
      <c r="N6" s="8">
        <f t="shared" si="0"/>
        <v>14</v>
      </c>
      <c r="O6" s="8">
        <f t="shared" si="0"/>
        <v>9</v>
      </c>
      <c r="P6" s="8">
        <f t="shared" si="0"/>
        <v>3</v>
      </c>
      <c r="Q6" s="8">
        <f t="shared" si="0"/>
        <v>4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29</v>
      </c>
      <c r="H7" s="8">
        <f t="shared" si="0"/>
        <v>31</v>
      </c>
      <c r="I7" s="8">
        <f t="shared" si="0"/>
        <v>22</v>
      </c>
      <c r="J7" s="8">
        <f t="shared" si="0"/>
        <v>21</v>
      </c>
      <c r="K7" s="8">
        <f t="shared" si="0"/>
        <v>19</v>
      </c>
      <c r="L7" s="8">
        <f t="shared" si="0"/>
        <v>19</v>
      </c>
      <c r="M7" s="8">
        <f t="shared" si="0"/>
        <v>18</v>
      </c>
      <c r="N7" s="8">
        <f t="shared" si="0"/>
        <v>18</v>
      </c>
      <c r="O7" s="8">
        <f t="shared" si="0"/>
        <v>15</v>
      </c>
      <c r="P7" s="8">
        <f t="shared" si="0"/>
        <v>16</v>
      </c>
      <c r="Q7" s="8">
        <f t="shared" si="0"/>
        <v>13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33</v>
      </c>
      <c r="H8" s="11">
        <f t="shared" si="0"/>
        <v>28</v>
      </c>
      <c r="I8" s="11">
        <f t="shared" si="0"/>
        <v>27</v>
      </c>
      <c r="J8" s="11">
        <f t="shared" si="0"/>
        <v>29</v>
      </c>
      <c r="K8" s="11">
        <f t="shared" si="0"/>
        <v>28</v>
      </c>
      <c r="L8" s="11">
        <f t="shared" si="0"/>
        <v>25</v>
      </c>
      <c r="M8" s="11">
        <f t="shared" si="0"/>
        <v>23</v>
      </c>
      <c r="N8" s="11">
        <f t="shared" si="0"/>
        <v>20</v>
      </c>
      <c r="O8" s="11">
        <f t="shared" si="0"/>
        <v>19</v>
      </c>
      <c r="P8" s="11">
        <f t="shared" si="0"/>
        <v>16</v>
      </c>
      <c r="Q8" s="11">
        <f t="shared" si="0"/>
        <v>20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56</v>
      </c>
      <c r="H9" s="11">
        <f t="shared" si="0"/>
        <v>21</v>
      </c>
      <c r="I9" s="11">
        <f t="shared" si="0"/>
        <v>24</v>
      </c>
      <c r="J9" s="11">
        <f t="shared" si="0"/>
        <v>24</v>
      </c>
      <c r="K9" s="11">
        <f t="shared" si="0"/>
        <v>22</v>
      </c>
      <c r="L9" s="11">
        <f t="shared" si="0"/>
        <v>24</v>
      </c>
      <c r="M9" s="11">
        <f t="shared" si="0"/>
        <v>24</v>
      </c>
      <c r="N9" s="11">
        <f t="shared" si="0"/>
        <v>22</v>
      </c>
      <c r="O9" s="11">
        <f t="shared" si="0"/>
        <v>27</v>
      </c>
      <c r="P9" s="11">
        <f t="shared" si="0"/>
        <v>25</v>
      </c>
      <c r="Q9" s="11">
        <f t="shared" si="0"/>
        <v>20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57</v>
      </c>
      <c r="H10" s="11">
        <f t="shared" si="0"/>
        <v>44</v>
      </c>
      <c r="I10" s="11">
        <f t="shared" si="0"/>
        <v>16</v>
      </c>
      <c r="J10" s="11">
        <f t="shared" si="0"/>
        <v>16</v>
      </c>
      <c r="K10" s="11">
        <f t="shared" si="0"/>
        <v>16</v>
      </c>
      <c r="L10" s="11">
        <f t="shared" si="0"/>
        <v>14</v>
      </c>
      <c r="M10" s="11">
        <f t="shared" si="0"/>
        <v>14</v>
      </c>
      <c r="N10" s="11">
        <f t="shared" si="0"/>
        <v>17</v>
      </c>
      <c r="O10" s="11">
        <f t="shared" si="0"/>
        <v>16</v>
      </c>
      <c r="P10" s="11">
        <f t="shared" si="0"/>
        <v>15</v>
      </c>
      <c r="Q10" s="11">
        <f t="shared" si="0"/>
        <v>15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45</v>
      </c>
      <c r="H11" s="11">
        <f t="shared" si="0"/>
        <v>52</v>
      </c>
      <c r="I11" s="11">
        <f t="shared" si="0"/>
        <v>41</v>
      </c>
      <c r="J11" s="11">
        <f t="shared" si="0"/>
        <v>33</v>
      </c>
      <c r="K11" s="11">
        <f t="shared" si="0"/>
        <v>30</v>
      </c>
      <c r="L11" s="11">
        <f t="shared" si="0"/>
        <v>26</v>
      </c>
      <c r="M11" s="11">
        <f t="shared" si="0"/>
        <v>26</v>
      </c>
      <c r="N11" s="11">
        <f t="shared" si="0"/>
        <v>14</v>
      </c>
      <c r="O11" s="11">
        <f t="shared" si="0"/>
        <v>13</v>
      </c>
      <c r="P11" s="11">
        <f t="shared" si="0"/>
        <v>10</v>
      </c>
      <c r="Q11" s="11">
        <f t="shared" si="0"/>
        <v>11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37</v>
      </c>
      <c r="H12" s="11">
        <f t="shared" si="0"/>
        <v>42</v>
      </c>
      <c r="I12" s="11">
        <f t="shared" si="0"/>
        <v>41</v>
      </c>
      <c r="J12" s="11">
        <f t="shared" si="0"/>
        <v>39</v>
      </c>
      <c r="K12" s="11">
        <f t="shared" si="0"/>
        <v>41</v>
      </c>
      <c r="L12" s="11">
        <f t="shared" si="0"/>
        <v>35</v>
      </c>
      <c r="M12" s="11">
        <f t="shared" si="0"/>
        <v>32</v>
      </c>
      <c r="N12" s="11">
        <f t="shared" si="0"/>
        <v>32</v>
      </c>
      <c r="O12" s="11">
        <f t="shared" si="0"/>
        <v>26</v>
      </c>
      <c r="P12" s="11">
        <f t="shared" si="0"/>
        <v>22</v>
      </c>
      <c r="Q12" s="11">
        <f t="shared" si="0"/>
        <v>20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48</v>
      </c>
      <c r="H13" s="11">
        <f t="shared" si="0"/>
        <v>37</v>
      </c>
      <c r="I13" s="11">
        <f t="shared" si="0"/>
        <v>38</v>
      </c>
      <c r="J13" s="11">
        <f t="shared" si="0"/>
        <v>42</v>
      </c>
      <c r="K13" s="11">
        <f t="shared" si="0"/>
        <v>41</v>
      </c>
      <c r="L13" s="11">
        <f t="shared" si="0"/>
        <v>39</v>
      </c>
      <c r="M13" s="11">
        <f t="shared" si="0"/>
        <v>33</v>
      </c>
      <c r="N13" s="11">
        <f t="shared" si="0"/>
        <v>38</v>
      </c>
      <c r="O13" s="11">
        <f t="shared" si="0"/>
        <v>31</v>
      </c>
      <c r="P13" s="11">
        <f t="shared" si="0"/>
        <v>30</v>
      </c>
      <c r="Q13" s="11">
        <f t="shared" si="0"/>
        <v>26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50</v>
      </c>
      <c r="H14" s="11">
        <f t="shared" si="0"/>
        <v>49</v>
      </c>
      <c r="I14" s="11">
        <f t="shared" si="0"/>
        <v>32</v>
      </c>
      <c r="J14" s="11">
        <f t="shared" si="0"/>
        <v>33</v>
      </c>
      <c r="K14" s="11">
        <f t="shared" si="0"/>
        <v>38</v>
      </c>
      <c r="L14" s="11">
        <f t="shared" si="0"/>
        <v>34</v>
      </c>
      <c r="M14" s="11">
        <f t="shared" si="0"/>
        <v>35</v>
      </c>
      <c r="N14" s="11">
        <f t="shared" si="0"/>
        <v>36</v>
      </c>
      <c r="O14" s="11">
        <f t="shared" si="0"/>
        <v>45</v>
      </c>
      <c r="P14" s="11">
        <f t="shared" si="0"/>
        <v>41</v>
      </c>
      <c r="Q14" s="11">
        <f t="shared" si="0"/>
        <v>38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94</v>
      </c>
      <c r="H15" s="11">
        <f t="shared" si="0"/>
        <v>54</v>
      </c>
      <c r="I15" s="11">
        <f t="shared" si="0"/>
        <v>43</v>
      </c>
      <c r="J15" s="11">
        <f t="shared" si="0"/>
        <v>35</v>
      </c>
      <c r="K15" s="11">
        <f t="shared" si="0"/>
        <v>33</v>
      </c>
      <c r="L15" s="11">
        <f t="shared" si="0"/>
        <v>39</v>
      </c>
      <c r="M15" s="11">
        <f t="shared" si="0"/>
        <v>40</v>
      </c>
      <c r="N15" s="11">
        <f t="shared" si="0"/>
        <v>34</v>
      </c>
      <c r="O15" s="11">
        <f t="shared" si="0"/>
        <v>30</v>
      </c>
      <c r="P15" s="11">
        <f t="shared" si="0"/>
        <v>36</v>
      </c>
      <c r="Q15" s="11">
        <f t="shared" si="0"/>
        <v>34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80</v>
      </c>
      <c r="H16" s="11">
        <f t="shared" si="0"/>
        <v>96</v>
      </c>
      <c r="I16" s="11">
        <f t="shared" si="0"/>
        <v>54</v>
      </c>
      <c r="J16" s="11">
        <f t="shared" si="0"/>
        <v>54</v>
      </c>
      <c r="K16" s="11">
        <f t="shared" si="0"/>
        <v>46</v>
      </c>
      <c r="L16" s="11">
        <f t="shared" si="0"/>
        <v>40</v>
      </c>
      <c r="M16" s="11">
        <f t="shared" si="0"/>
        <v>43</v>
      </c>
      <c r="N16" s="11">
        <f t="shared" si="0"/>
        <v>44</v>
      </c>
      <c r="O16" s="11">
        <f t="shared" si="0"/>
        <v>36</v>
      </c>
      <c r="P16" s="11">
        <f t="shared" si="0"/>
        <v>32</v>
      </c>
      <c r="Q16" s="11">
        <f t="shared" si="0"/>
        <v>35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65</v>
      </c>
      <c r="H17" s="11">
        <f t="shared" si="0"/>
        <v>86</v>
      </c>
      <c r="I17" s="11">
        <f t="shared" si="0"/>
        <v>97</v>
      </c>
      <c r="J17" s="11">
        <f t="shared" si="0"/>
        <v>91</v>
      </c>
      <c r="K17" s="11">
        <f t="shared" si="0"/>
        <v>88</v>
      </c>
      <c r="L17" s="11">
        <f t="shared" si="0"/>
        <v>80</v>
      </c>
      <c r="M17" s="11">
        <f t="shared" si="0"/>
        <v>65</v>
      </c>
      <c r="N17" s="11">
        <f t="shared" si="0"/>
        <v>55</v>
      </c>
      <c r="O17" s="11">
        <f t="shared" si="0"/>
        <v>54</v>
      </c>
      <c r="P17" s="11">
        <f t="shared" si="0"/>
        <v>48</v>
      </c>
      <c r="Q17" s="11">
        <f t="shared" si="0"/>
        <v>41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60</v>
      </c>
      <c r="H18" s="14">
        <f t="shared" si="0"/>
        <v>60</v>
      </c>
      <c r="I18" s="14">
        <f t="shared" si="0"/>
        <v>83</v>
      </c>
      <c r="J18" s="14">
        <f t="shared" si="0"/>
        <v>91</v>
      </c>
      <c r="K18" s="14">
        <f t="shared" si="0"/>
        <v>90</v>
      </c>
      <c r="L18" s="14">
        <f t="shared" si="0"/>
        <v>95</v>
      </c>
      <c r="M18" s="14">
        <f t="shared" si="0"/>
        <v>97</v>
      </c>
      <c r="N18" s="14">
        <f t="shared" si="0"/>
        <v>97</v>
      </c>
      <c r="O18" s="14">
        <f t="shared" si="0"/>
        <v>89</v>
      </c>
      <c r="P18" s="14">
        <f t="shared" si="0"/>
        <v>85</v>
      </c>
      <c r="Q18" s="14">
        <f t="shared" si="0"/>
        <v>78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75</v>
      </c>
      <c r="H19" s="14">
        <f t="shared" si="0"/>
        <v>53</v>
      </c>
      <c r="I19" s="14">
        <f t="shared" si="0"/>
        <v>52</v>
      </c>
      <c r="J19" s="14">
        <f t="shared" si="0"/>
        <v>51</v>
      </c>
      <c r="K19" s="14">
        <f t="shared" si="0"/>
        <v>55</v>
      </c>
      <c r="L19" s="14">
        <f t="shared" si="0"/>
        <v>59</v>
      </c>
      <c r="M19" s="14">
        <f t="shared" si="0"/>
        <v>69</v>
      </c>
      <c r="N19" s="14">
        <f t="shared" si="0"/>
        <v>80</v>
      </c>
      <c r="O19" s="14">
        <f t="shared" si="0"/>
        <v>88</v>
      </c>
      <c r="P19" s="14">
        <f t="shared" si="0"/>
        <v>88</v>
      </c>
      <c r="Q19" s="14">
        <f t="shared" si="0"/>
        <v>88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84</v>
      </c>
      <c r="H20" s="14">
        <f t="shared" si="0"/>
        <v>72</v>
      </c>
      <c r="I20" s="14">
        <f t="shared" si="0"/>
        <v>48</v>
      </c>
      <c r="J20" s="14">
        <f t="shared" si="0"/>
        <v>52</v>
      </c>
      <c r="K20" s="14">
        <f t="shared" si="0"/>
        <v>51</v>
      </c>
      <c r="L20" s="14">
        <f t="shared" si="0"/>
        <v>50</v>
      </c>
      <c r="M20" s="14">
        <f t="shared" si="0"/>
        <v>47</v>
      </c>
      <c r="N20" s="14">
        <f t="shared" si="0"/>
        <v>49</v>
      </c>
      <c r="O20" s="14">
        <f t="shared" si="0"/>
        <v>48</v>
      </c>
      <c r="P20" s="14">
        <f t="shared" si="0"/>
        <v>48</v>
      </c>
      <c r="Q20" s="14">
        <f t="shared" si="0"/>
        <v>51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66</v>
      </c>
      <c r="H21" s="14">
        <f t="shared" si="1"/>
        <v>76</v>
      </c>
      <c r="I21" s="14">
        <f t="shared" si="1"/>
        <v>54</v>
      </c>
      <c r="J21" s="14">
        <f t="shared" si="1"/>
        <v>49</v>
      </c>
      <c r="K21" s="14">
        <f t="shared" si="1"/>
        <v>48</v>
      </c>
      <c r="L21" s="14">
        <f t="shared" si="1"/>
        <v>45</v>
      </c>
      <c r="M21" s="14">
        <f t="shared" si="1"/>
        <v>50</v>
      </c>
      <c r="N21" s="14">
        <f t="shared" si="1"/>
        <v>40</v>
      </c>
      <c r="O21" s="14">
        <f t="shared" si="1"/>
        <v>44</v>
      </c>
      <c r="P21" s="14">
        <f t="shared" si="1"/>
        <v>51</v>
      </c>
      <c r="Q21" s="14">
        <f t="shared" si="1"/>
        <v>44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37</v>
      </c>
      <c r="H22" s="14">
        <f t="shared" si="1"/>
        <v>48</v>
      </c>
      <c r="I22" s="14">
        <f t="shared" si="1"/>
        <v>62</v>
      </c>
      <c r="J22" s="14">
        <f t="shared" si="1"/>
        <v>61</v>
      </c>
      <c r="K22" s="14">
        <f t="shared" si="1"/>
        <v>60</v>
      </c>
      <c r="L22" s="14">
        <f t="shared" si="1"/>
        <v>50</v>
      </c>
      <c r="M22" s="14">
        <f t="shared" si="1"/>
        <v>36</v>
      </c>
      <c r="N22" s="14">
        <f t="shared" si="1"/>
        <v>37</v>
      </c>
      <c r="O22" s="14">
        <f t="shared" si="1"/>
        <v>31</v>
      </c>
      <c r="P22" s="14">
        <f t="shared" si="1"/>
        <v>34</v>
      </c>
      <c r="Q22" s="14">
        <f t="shared" si="1"/>
        <v>30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8</v>
      </c>
      <c r="H23" s="14">
        <f t="shared" si="1"/>
        <v>30</v>
      </c>
      <c r="I23" s="14">
        <f t="shared" si="1"/>
        <v>33</v>
      </c>
      <c r="J23" s="14">
        <f t="shared" si="1"/>
        <v>35</v>
      </c>
      <c r="K23" s="14">
        <f t="shared" si="1"/>
        <v>35</v>
      </c>
      <c r="L23" s="14">
        <f t="shared" si="1"/>
        <v>42</v>
      </c>
      <c r="M23" s="14">
        <f t="shared" si="1"/>
        <v>45</v>
      </c>
      <c r="N23" s="14">
        <f t="shared" si="1"/>
        <v>44</v>
      </c>
      <c r="O23" s="14">
        <f t="shared" si="1"/>
        <v>41</v>
      </c>
      <c r="P23" s="14">
        <f t="shared" si="1"/>
        <v>38</v>
      </c>
      <c r="Q23" s="14">
        <f t="shared" si="1"/>
        <v>22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3</v>
      </c>
      <c r="H24" s="14">
        <f t="shared" si="1"/>
        <v>8</v>
      </c>
      <c r="I24" s="14">
        <f t="shared" si="1"/>
        <v>6</v>
      </c>
      <c r="J24" s="14">
        <f t="shared" si="1"/>
        <v>8</v>
      </c>
      <c r="K24" s="14">
        <f t="shared" si="1"/>
        <v>10</v>
      </c>
      <c r="L24" s="14">
        <f t="shared" si="1"/>
        <v>13</v>
      </c>
      <c r="M24" s="14">
        <f t="shared" si="1"/>
        <v>15</v>
      </c>
      <c r="N24" s="14">
        <f t="shared" si="1"/>
        <v>17</v>
      </c>
      <c r="O24" s="14">
        <f t="shared" si="1"/>
        <v>20</v>
      </c>
      <c r="P24" s="14">
        <f t="shared" si="1"/>
        <v>17</v>
      </c>
      <c r="Q24" s="14">
        <f t="shared" si="1"/>
        <v>10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3</v>
      </c>
      <c r="H25" s="14">
        <f t="shared" si="1"/>
        <v>4</v>
      </c>
      <c r="I25" s="14">
        <f t="shared" si="1"/>
        <v>2</v>
      </c>
      <c r="J25" s="14">
        <f t="shared" si="1"/>
        <v>1</v>
      </c>
      <c r="K25" s="14">
        <f t="shared" si="1"/>
        <v>1</v>
      </c>
      <c r="L25" s="14">
        <f t="shared" si="1"/>
        <v>3</v>
      </c>
      <c r="M25" s="14">
        <f t="shared" si="1"/>
        <v>2</v>
      </c>
      <c r="N25" s="14">
        <f t="shared" si="1"/>
        <v>1</v>
      </c>
      <c r="O25" s="14">
        <f t="shared" si="1"/>
        <v>2</v>
      </c>
      <c r="P25" s="14">
        <f t="shared" si="1"/>
        <v>1</v>
      </c>
      <c r="Q25" s="14">
        <f t="shared" si="1"/>
        <v>1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011</v>
      </c>
      <c r="H26" s="17">
        <f>SUM(H5:H25)</f>
        <v>938</v>
      </c>
      <c r="I26" s="17">
        <f t="shared" ref="I26:N26" si="2">SUM(I5:I25)</f>
        <v>804</v>
      </c>
      <c r="J26" s="17">
        <f t="shared" si="2"/>
        <v>793</v>
      </c>
      <c r="K26" s="17">
        <f t="shared" si="2"/>
        <v>780</v>
      </c>
      <c r="L26" s="17">
        <f t="shared" si="2"/>
        <v>757</v>
      </c>
      <c r="M26" s="17">
        <f t="shared" si="2"/>
        <v>738</v>
      </c>
      <c r="N26" s="17">
        <f t="shared" si="2"/>
        <v>714</v>
      </c>
      <c r="O26" s="17">
        <f>SUM(O5:O25)</f>
        <v>688</v>
      </c>
      <c r="P26" s="17">
        <f>SUM(P5:P25)</f>
        <v>659</v>
      </c>
      <c r="Q26" s="17">
        <f>SUM(Q5:Q25)</f>
        <v>602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90</v>
      </c>
      <c r="H31" s="21">
        <f t="shared" si="3"/>
        <v>78</v>
      </c>
      <c r="I31" s="21">
        <f t="shared" si="3"/>
        <v>51</v>
      </c>
      <c r="J31" s="21">
        <f t="shared" si="3"/>
        <v>49</v>
      </c>
      <c r="K31" s="21">
        <f t="shared" si="3"/>
        <v>47</v>
      </c>
      <c r="L31" s="21">
        <f t="shared" si="3"/>
        <v>44</v>
      </c>
      <c r="M31" s="21">
        <f t="shared" si="3"/>
        <v>42</v>
      </c>
      <c r="N31" s="21">
        <f t="shared" si="3"/>
        <v>37</v>
      </c>
      <c r="O31" s="21">
        <f t="shared" si="3"/>
        <v>28</v>
      </c>
      <c r="P31" s="21">
        <f t="shared" si="3"/>
        <v>22</v>
      </c>
      <c r="Q31" s="21">
        <f t="shared" si="3"/>
        <v>18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565</v>
      </c>
      <c r="H32" s="22">
        <f t="shared" si="4"/>
        <v>509</v>
      </c>
      <c r="I32" s="22">
        <f t="shared" si="4"/>
        <v>413</v>
      </c>
      <c r="J32" s="22">
        <f t="shared" si="4"/>
        <v>396</v>
      </c>
      <c r="K32" s="22">
        <f t="shared" si="4"/>
        <v>383</v>
      </c>
      <c r="L32" s="22">
        <f t="shared" si="4"/>
        <v>356</v>
      </c>
      <c r="M32" s="22">
        <f t="shared" si="4"/>
        <v>335</v>
      </c>
      <c r="N32" s="22">
        <f t="shared" si="4"/>
        <v>312</v>
      </c>
      <c r="O32" s="22">
        <f t="shared" si="4"/>
        <v>297</v>
      </c>
      <c r="P32" s="22">
        <f t="shared" si="4"/>
        <v>275</v>
      </c>
      <c r="Q32" s="22">
        <f t="shared" si="4"/>
        <v>260</v>
      </c>
    </row>
    <row r="33" spans="1:20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356</v>
      </c>
      <c r="H33" s="23">
        <f t="shared" si="5"/>
        <v>351</v>
      </c>
      <c r="I33" s="23">
        <f t="shared" si="5"/>
        <v>340</v>
      </c>
      <c r="J33" s="23">
        <f t="shared" si="5"/>
        <v>348</v>
      </c>
      <c r="K33" s="23">
        <f t="shared" si="5"/>
        <v>350</v>
      </c>
      <c r="L33" s="23">
        <f t="shared" si="5"/>
        <v>357</v>
      </c>
      <c r="M33" s="23">
        <f t="shared" si="5"/>
        <v>361</v>
      </c>
      <c r="N33" s="23">
        <f t="shared" si="5"/>
        <v>365</v>
      </c>
      <c r="O33" s="23">
        <f t="shared" si="5"/>
        <v>363</v>
      </c>
      <c r="P33" s="23">
        <f t="shared" si="5"/>
        <v>362</v>
      </c>
      <c r="Q33" s="23">
        <f t="shared" si="5"/>
        <v>324</v>
      </c>
    </row>
    <row r="34" spans="1:20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011</v>
      </c>
      <c r="H34" s="24">
        <f>SUM(H31:H33)</f>
        <v>938</v>
      </c>
      <c r="I34" s="24">
        <f t="shared" ref="I34:N34" si="6">SUM(I31:I33)</f>
        <v>804</v>
      </c>
      <c r="J34" s="24">
        <f t="shared" si="6"/>
        <v>793</v>
      </c>
      <c r="K34" s="24">
        <f t="shared" si="6"/>
        <v>780</v>
      </c>
      <c r="L34" s="24">
        <f t="shared" si="6"/>
        <v>757</v>
      </c>
      <c r="M34" s="24">
        <f t="shared" si="6"/>
        <v>738</v>
      </c>
      <c r="N34" s="24">
        <f t="shared" si="6"/>
        <v>714</v>
      </c>
      <c r="O34" s="24">
        <f>SUM(O31:O33)</f>
        <v>688</v>
      </c>
      <c r="P34" s="24">
        <f>SUM(P31:P33)</f>
        <v>659</v>
      </c>
      <c r="Q34" s="24">
        <f>SUM(Q31:Q33)</f>
        <v>602</v>
      </c>
    </row>
    <row r="35" spans="1:20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0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0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0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0" ht="23.25" customHeight="1" x14ac:dyDescent="0.2">
      <c r="A39" s="6" t="s">
        <v>33</v>
      </c>
      <c r="B39" s="71" t="s">
        <v>7</v>
      </c>
      <c r="C39" s="71" t="s">
        <v>7</v>
      </c>
      <c r="D39" s="71" t="s">
        <v>7</v>
      </c>
      <c r="E39" s="71" t="s">
        <v>7</v>
      </c>
      <c r="F39" s="71" t="s">
        <v>7</v>
      </c>
      <c r="G39" s="77">
        <f t="shared" ref="G39:Q39" si="7">ROUND(G31/G34*100,1)</f>
        <v>8.9</v>
      </c>
      <c r="H39" s="77">
        <f t="shared" si="7"/>
        <v>8.3000000000000007</v>
      </c>
      <c r="I39" s="77">
        <f t="shared" si="7"/>
        <v>6.3</v>
      </c>
      <c r="J39" s="77">
        <f t="shared" si="7"/>
        <v>6.2</v>
      </c>
      <c r="K39" s="77">
        <f t="shared" si="7"/>
        <v>6</v>
      </c>
      <c r="L39" s="77">
        <f t="shared" si="7"/>
        <v>5.8</v>
      </c>
      <c r="M39" s="77">
        <f t="shared" si="7"/>
        <v>5.7</v>
      </c>
      <c r="N39" s="77">
        <f t="shared" si="7"/>
        <v>5.2</v>
      </c>
      <c r="O39" s="77">
        <f t="shared" si="7"/>
        <v>4.0999999999999996</v>
      </c>
      <c r="P39" s="77">
        <f t="shared" si="7"/>
        <v>3.3</v>
      </c>
      <c r="Q39" s="77">
        <f t="shared" si="7"/>
        <v>3</v>
      </c>
    </row>
    <row r="40" spans="1:20" ht="23.25" customHeight="1" x14ac:dyDescent="0.2">
      <c r="A40" s="9" t="s">
        <v>34</v>
      </c>
      <c r="B40" s="73" t="s">
        <v>7</v>
      </c>
      <c r="C40" s="73" t="s">
        <v>7</v>
      </c>
      <c r="D40" s="73" t="s">
        <v>7</v>
      </c>
      <c r="E40" s="73" t="s">
        <v>7</v>
      </c>
      <c r="F40" s="73" t="s">
        <v>7</v>
      </c>
      <c r="G40" s="78">
        <f t="shared" ref="G40:Q40" si="8">ROUND(G32/G34*100,1)</f>
        <v>55.9</v>
      </c>
      <c r="H40" s="78">
        <f t="shared" si="8"/>
        <v>54.3</v>
      </c>
      <c r="I40" s="78">
        <f t="shared" si="8"/>
        <v>51.4</v>
      </c>
      <c r="J40" s="78">
        <f t="shared" si="8"/>
        <v>49.9</v>
      </c>
      <c r="K40" s="78">
        <f t="shared" si="8"/>
        <v>49.1</v>
      </c>
      <c r="L40" s="78">
        <f t="shared" si="8"/>
        <v>47</v>
      </c>
      <c r="M40" s="78">
        <f t="shared" si="8"/>
        <v>45.4</v>
      </c>
      <c r="N40" s="78">
        <f t="shared" si="8"/>
        <v>43.7</v>
      </c>
      <c r="O40" s="78">
        <f t="shared" si="8"/>
        <v>43.2</v>
      </c>
      <c r="P40" s="78">
        <f t="shared" si="8"/>
        <v>41.7</v>
      </c>
      <c r="Q40" s="78">
        <f t="shared" si="8"/>
        <v>43.2</v>
      </c>
    </row>
    <row r="41" spans="1:20" ht="23.25" customHeight="1" x14ac:dyDescent="0.2">
      <c r="A41" s="12" t="s">
        <v>35</v>
      </c>
      <c r="B41" s="75" t="s">
        <v>7</v>
      </c>
      <c r="C41" s="75" t="s">
        <v>7</v>
      </c>
      <c r="D41" s="75" t="s">
        <v>7</v>
      </c>
      <c r="E41" s="75" t="s">
        <v>7</v>
      </c>
      <c r="F41" s="75" t="s">
        <v>7</v>
      </c>
      <c r="G41" s="79">
        <f t="shared" ref="G41:Q41" si="9">ROUND(G33/G34*100,1)</f>
        <v>35.200000000000003</v>
      </c>
      <c r="H41" s="79">
        <f t="shared" si="9"/>
        <v>37.4</v>
      </c>
      <c r="I41" s="79">
        <f t="shared" si="9"/>
        <v>42.3</v>
      </c>
      <c r="J41" s="79">
        <f t="shared" si="9"/>
        <v>43.9</v>
      </c>
      <c r="K41" s="79">
        <f t="shared" si="9"/>
        <v>44.9</v>
      </c>
      <c r="L41" s="79">
        <f t="shared" si="9"/>
        <v>47.2</v>
      </c>
      <c r="M41" s="79">
        <f t="shared" si="9"/>
        <v>48.9</v>
      </c>
      <c r="N41" s="79">
        <f t="shared" si="9"/>
        <v>51.1</v>
      </c>
      <c r="O41" s="79">
        <f t="shared" si="9"/>
        <v>52.8</v>
      </c>
      <c r="P41" s="79">
        <f t="shared" si="9"/>
        <v>54.9</v>
      </c>
      <c r="Q41" s="79">
        <f t="shared" si="9"/>
        <v>53.8</v>
      </c>
    </row>
    <row r="42" spans="1:20" ht="23.25" customHeight="1" x14ac:dyDescent="0.2">
      <c r="A42" s="5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0" ht="23.25" customHeight="1" x14ac:dyDescent="0.2">
      <c r="A43" s="5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0" ht="23.25" customHeight="1" x14ac:dyDescent="0.2">
      <c r="A44" s="5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0" ht="23.25" customHeight="1" x14ac:dyDescent="0.2">
      <c r="A45" s="5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0" ht="23.25" customHeight="1" x14ac:dyDescent="0.2">
      <c r="A46" s="5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0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0" ht="23.25" customHeight="1" thickTop="1" x14ac:dyDescent="0.2">
      <c r="A48" s="4"/>
      <c r="B48" s="4"/>
      <c r="C48" s="60" t="s">
        <v>39</v>
      </c>
      <c r="D48" s="61"/>
      <c r="E48" s="61"/>
      <c r="F48" s="62"/>
      <c r="J48" s="60" t="s">
        <v>40</v>
      </c>
      <c r="K48" s="61"/>
      <c r="L48" s="61"/>
      <c r="M48" s="61"/>
      <c r="N48" s="61"/>
      <c r="O48" s="62"/>
      <c r="P48" s="4"/>
      <c r="Q48" s="4"/>
      <c r="R48" s="4"/>
      <c r="S48" s="4"/>
      <c r="T48" s="4"/>
    </row>
    <row r="49" spans="1:20" ht="23.25" customHeight="1" thickBot="1" x14ac:dyDescent="0.25">
      <c r="A49" s="4"/>
      <c r="B49" s="4"/>
      <c r="C49" s="63"/>
      <c r="D49" s="64"/>
      <c r="E49" s="64"/>
      <c r="F49" s="65"/>
      <c r="J49" s="63"/>
      <c r="K49" s="64"/>
      <c r="L49" s="64"/>
      <c r="M49" s="64"/>
      <c r="N49" s="64"/>
      <c r="O49" s="65"/>
      <c r="P49" s="4"/>
      <c r="Q49" s="4"/>
      <c r="R49" s="4"/>
      <c r="S49" s="4"/>
      <c r="T49" s="4"/>
    </row>
    <row r="50" spans="1:20" ht="23.25" customHeight="1" thickTop="1" x14ac:dyDescent="0.25">
      <c r="A50" s="4"/>
      <c r="B50" s="4"/>
      <c r="C50" s="66"/>
      <c r="D50" s="66"/>
      <c r="E50" s="66"/>
      <c r="F50" s="4"/>
      <c r="L50" s="67"/>
      <c r="M50" s="67"/>
      <c r="N50" s="67"/>
      <c r="O50" s="4"/>
      <c r="P50" s="4"/>
      <c r="Q50" s="4"/>
      <c r="R50" s="4"/>
      <c r="S50" s="68"/>
      <c r="T50" s="4"/>
    </row>
    <row r="51" spans="1:20" ht="23.25" customHeight="1" x14ac:dyDescent="0.25">
      <c r="A51" s="4"/>
      <c r="B51" s="68"/>
      <c r="C51" s="68"/>
      <c r="D51" s="68"/>
      <c r="E51" s="68"/>
      <c r="F51" s="67"/>
      <c r="G51" s="67"/>
      <c r="H51" s="67"/>
      <c r="I51" s="67"/>
      <c r="J51" s="67"/>
      <c r="K51" s="67"/>
      <c r="L51" s="67"/>
      <c r="M51" s="67"/>
      <c r="N51" s="67"/>
      <c r="O51" s="4"/>
      <c r="P51" s="4"/>
      <c r="Q51" s="4"/>
      <c r="R51" s="4"/>
      <c r="S51" s="68"/>
      <c r="T51" s="4"/>
    </row>
    <row r="52" spans="1:20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0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0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69"/>
      <c r="O54" s="4"/>
      <c r="P54" s="4"/>
      <c r="Q54" s="4"/>
      <c r="R54" s="4"/>
      <c r="S54" s="4"/>
      <c r="T54" s="4"/>
    </row>
    <row r="55" spans="1:20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0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0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0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0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0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0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0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0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0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63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17</v>
      </c>
      <c r="H84" s="8">
        <v>8</v>
      </c>
      <c r="I84" s="8">
        <v>8</v>
      </c>
      <c r="J84" s="8">
        <v>8</v>
      </c>
      <c r="K84" s="8">
        <v>4</v>
      </c>
      <c r="L84" s="8">
        <v>4</v>
      </c>
      <c r="M84" s="8">
        <v>4</v>
      </c>
      <c r="N84" s="21">
        <v>3</v>
      </c>
      <c r="O84" s="21">
        <v>3</v>
      </c>
      <c r="P84" s="21">
        <v>2</v>
      </c>
      <c r="Q84" s="21">
        <v>0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14</v>
      </c>
      <c r="H85" s="8">
        <v>18</v>
      </c>
      <c r="I85" s="8">
        <v>8</v>
      </c>
      <c r="J85" s="8">
        <v>8</v>
      </c>
      <c r="K85" s="8">
        <v>12</v>
      </c>
      <c r="L85" s="8">
        <v>11</v>
      </c>
      <c r="M85" s="8">
        <v>11</v>
      </c>
      <c r="N85" s="21">
        <v>9</v>
      </c>
      <c r="O85" s="21">
        <v>5</v>
      </c>
      <c r="P85" s="21">
        <v>1</v>
      </c>
      <c r="Q85" s="21">
        <v>2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15</v>
      </c>
      <c r="H86" s="8">
        <v>13</v>
      </c>
      <c r="I86" s="8">
        <v>14</v>
      </c>
      <c r="J86" s="8">
        <v>13</v>
      </c>
      <c r="K86" s="8">
        <v>12</v>
      </c>
      <c r="L86" s="8">
        <v>10</v>
      </c>
      <c r="M86" s="8">
        <v>8</v>
      </c>
      <c r="N86" s="21">
        <v>8</v>
      </c>
      <c r="O86" s="21">
        <v>9</v>
      </c>
      <c r="P86" s="21">
        <v>9</v>
      </c>
      <c r="Q86" s="21">
        <v>8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7</v>
      </c>
      <c r="H87" s="11">
        <v>14</v>
      </c>
      <c r="I87" s="11">
        <v>12</v>
      </c>
      <c r="J87" s="11">
        <v>13</v>
      </c>
      <c r="K87" s="11">
        <v>14</v>
      </c>
      <c r="L87" s="11">
        <v>13</v>
      </c>
      <c r="M87" s="11">
        <v>14</v>
      </c>
      <c r="N87" s="22">
        <v>13</v>
      </c>
      <c r="O87" s="22">
        <v>12</v>
      </c>
      <c r="P87" s="22">
        <v>9</v>
      </c>
      <c r="Q87" s="22">
        <v>11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31</v>
      </c>
      <c r="H88" s="11">
        <v>8</v>
      </c>
      <c r="I88" s="11">
        <v>13</v>
      </c>
      <c r="J88" s="11">
        <v>11</v>
      </c>
      <c r="K88" s="11">
        <v>11</v>
      </c>
      <c r="L88" s="11">
        <v>14</v>
      </c>
      <c r="M88" s="11">
        <v>14</v>
      </c>
      <c r="N88" s="22">
        <v>12</v>
      </c>
      <c r="O88" s="22">
        <v>14</v>
      </c>
      <c r="P88" s="22">
        <v>14</v>
      </c>
      <c r="Q88" s="22">
        <v>11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34</v>
      </c>
      <c r="H89" s="11">
        <v>25</v>
      </c>
      <c r="I89" s="11">
        <v>7</v>
      </c>
      <c r="J89" s="11">
        <v>9</v>
      </c>
      <c r="K89" s="11">
        <v>10</v>
      </c>
      <c r="L89" s="11">
        <v>8</v>
      </c>
      <c r="M89" s="11">
        <v>8</v>
      </c>
      <c r="N89" s="22">
        <v>10</v>
      </c>
      <c r="O89" s="22">
        <v>7</v>
      </c>
      <c r="P89" s="22">
        <v>7</v>
      </c>
      <c r="Q89" s="22">
        <v>7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26</v>
      </c>
      <c r="H90" s="11">
        <v>32</v>
      </c>
      <c r="I90" s="11">
        <v>25</v>
      </c>
      <c r="J90" s="11">
        <v>19</v>
      </c>
      <c r="K90" s="11">
        <v>17</v>
      </c>
      <c r="L90" s="11">
        <v>14</v>
      </c>
      <c r="M90" s="11">
        <v>13</v>
      </c>
      <c r="N90" s="22">
        <v>7</v>
      </c>
      <c r="O90" s="22">
        <v>6</v>
      </c>
      <c r="P90" s="22">
        <v>5</v>
      </c>
      <c r="Q90" s="22">
        <v>6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23</v>
      </c>
      <c r="H91" s="11">
        <v>26</v>
      </c>
      <c r="I91" s="11">
        <v>26</v>
      </c>
      <c r="J91" s="11">
        <v>26</v>
      </c>
      <c r="K91" s="11">
        <v>26</v>
      </c>
      <c r="L91" s="11">
        <v>23</v>
      </c>
      <c r="M91" s="11">
        <v>19</v>
      </c>
      <c r="N91" s="22">
        <v>18</v>
      </c>
      <c r="O91" s="22">
        <v>16</v>
      </c>
      <c r="P91" s="22">
        <v>15</v>
      </c>
      <c r="Q91" s="22">
        <v>14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23</v>
      </c>
      <c r="H92" s="11">
        <v>23</v>
      </c>
      <c r="I92" s="11">
        <v>23</v>
      </c>
      <c r="J92" s="11">
        <v>27</v>
      </c>
      <c r="K92" s="11">
        <v>23</v>
      </c>
      <c r="L92" s="11">
        <v>21</v>
      </c>
      <c r="M92" s="11">
        <v>21</v>
      </c>
      <c r="N92" s="22">
        <v>23</v>
      </c>
      <c r="O92" s="22">
        <v>19</v>
      </c>
      <c r="P92" s="22">
        <v>18</v>
      </c>
      <c r="Q92" s="22">
        <v>17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23</v>
      </c>
      <c r="H93" s="11">
        <v>23</v>
      </c>
      <c r="I93" s="11">
        <v>19</v>
      </c>
      <c r="J93" s="11">
        <v>20</v>
      </c>
      <c r="K93" s="11">
        <v>27</v>
      </c>
      <c r="L93" s="11">
        <v>24</v>
      </c>
      <c r="M93" s="11">
        <v>22</v>
      </c>
      <c r="N93" s="22">
        <v>22</v>
      </c>
      <c r="O93" s="22">
        <v>27</v>
      </c>
      <c r="P93" s="22">
        <v>22</v>
      </c>
      <c r="Q93" s="22">
        <v>20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49</v>
      </c>
      <c r="H94" s="11">
        <v>28</v>
      </c>
      <c r="I94" s="11">
        <v>17</v>
      </c>
      <c r="J94" s="11">
        <v>14</v>
      </c>
      <c r="K94" s="11">
        <v>13</v>
      </c>
      <c r="L94" s="11">
        <v>18</v>
      </c>
      <c r="M94" s="11">
        <v>22</v>
      </c>
      <c r="N94" s="22">
        <v>20</v>
      </c>
      <c r="O94" s="22">
        <v>17</v>
      </c>
      <c r="P94" s="22">
        <v>24</v>
      </c>
      <c r="Q94" s="22">
        <v>23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48</v>
      </c>
      <c r="H95" s="11">
        <v>50</v>
      </c>
      <c r="I95" s="11">
        <v>30</v>
      </c>
      <c r="J95" s="11">
        <v>28</v>
      </c>
      <c r="K95" s="11">
        <v>23</v>
      </c>
      <c r="L95" s="11">
        <v>18</v>
      </c>
      <c r="M95" s="11">
        <v>19</v>
      </c>
      <c r="N95" s="22">
        <v>19</v>
      </c>
      <c r="O95" s="22">
        <v>16</v>
      </c>
      <c r="P95" s="22">
        <v>12</v>
      </c>
      <c r="Q95" s="22">
        <v>15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33</v>
      </c>
      <c r="H96" s="11">
        <v>50</v>
      </c>
      <c r="I96" s="11">
        <v>53</v>
      </c>
      <c r="J96" s="11">
        <v>47</v>
      </c>
      <c r="K96" s="11">
        <v>42</v>
      </c>
      <c r="L96" s="11">
        <v>36</v>
      </c>
      <c r="M96" s="11">
        <v>29</v>
      </c>
      <c r="N96" s="22">
        <v>29</v>
      </c>
      <c r="O96" s="22">
        <v>27</v>
      </c>
      <c r="P96" s="22">
        <v>25</v>
      </c>
      <c r="Q96" s="22">
        <v>19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27</v>
      </c>
      <c r="H97" s="14">
        <v>29</v>
      </c>
      <c r="I97" s="14">
        <v>46</v>
      </c>
      <c r="J97" s="14">
        <v>53</v>
      </c>
      <c r="K97" s="14">
        <v>54</v>
      </c>
      <c r="L97" s="14">
        <v>56</v>
      </c>
      <c r="M97" s="14">
        <v>57</v>
      </c>
      <c r="N97" s="23">
        <v>49</v>
      </c>
      <c r="O97" s="23">
        <v>44</v>
      </c>
      <c r="P97" s="23">
        <v>38</v>
      </c>
      <c r="Q97" s="23">
        <v>36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34</v>
      </c>
      <c r="H98" s="14">
        <v>23</v>
      </c>
      <c r="I98" s="14">
        <v>27</v>
      </c>
      <c r="J98" s="14">
        <v>26</v>
      </c>
      <c r="K98" s="14">
        <v>30</v>
      </c>
      <c r="L98" s="14">
        <v>32</v>
      </c>
      <c r="M98" s="14">
        <v>35</v>
      </c>
      <c r="N98" s="23">
        <v>44</v>
      </c>
      <c r="O98" s="23">
        <v>50</v>
      </c>
      <c r="P98" s="23">
        <v>51</v>
      </c>
      <c r="Q98" s="23">
        <v>52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26</v>
      </c>
      <c r="H99" s="14">
        <v>31</v>
      </c>
      <c r="I99" s="14">
        <v>19</v>
      </c>
      <c r="J99" s="14">
        <v>23</v>
      </c>
      <c r="K99" s="14">
        <v>22</v>
      </c>
      <c r="L99" s="14">
        <v>24</v>
      </c>
      <c r="M99" s="14">
        <v>22</v>
      </c>
      <c r="N99" s="23">
        <v>25</v>
      </c>
      <c r="O99" s="23">
        <v>23</v>
      </c>
      <c r="P99" s="23">
        <v>25</v>
      </c>
      <c r="Q99" s="23">
        <v>24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21</v>
      </c>
      <c r="H100" s="14">
        <v>23</v>
      </c>
      <c r="I100" s="14">
        <v>19</v>
      </c>
      <c r="J100" s="14">
        <v>20</v>
      </c>
      <c r="K100" s="14">
        <v>18</v>
      </c>
      <c r="L100" s="14">
        <v>19</v>
      </c>
      <c r="M100" s="14">
        <v>21</v>
      </c>
      <c r="N100" s="23">
        <v>15</v>
      </c>
      <c r="O100" s="23">
        <v>18</v>
      </c>
      <c r="P100" s="23">
        <v>20</v>
      </c>
      <c r="Q100" s="23">
        <v>21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9</v>
      </c>
      <c r="H101" s="14">
        <v>13</v>
      </c>
      <c r="I101" s="14">
        <v>18</v>
      </c>
      <c r="J101" s="14">
        <v>15</v>
      </c>
      <c r="K101" s="14">
        <v>14</v>
      </c>
      <c r="L101" s="14">
        <v>7</v>
      </c>
      <c r="M101" s="14">
        <v>7</v>
      </c>
      <c r="N101" s="23">
        <v>11</v>
      </c>
      <c r="O101" s="23">
        <v>11</v>
      </c>
      <c r="P101" s="23">
        <v>12</v>
      </c>
      <c r="Q101" s="23">
        <v>11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0</v>
      </c>
      <c r="H102" s="14">
        <v>8</v>
      </c>
      <c r="I102" s="14">
        <v>6</v>
      </c>
      <c r="J102" s="14">
        <v>6</v>
      </c>
      <c r="K102" s="14">
        <v>6</v>
      </c>
      <c r="L102" s="14">
        <v>12</v>
      </c>
      <c r="M102" s="14">
        <v>10</v>
      </c>
      <c r="N102" s="23">
        <v>8</v>
      </c>
      <c r="O102" s="23">
        <v>6</v>
      </c>
      <c r="P102" s="23">
        <v>6</v>
      </c>
      <c r="Q102" s="23">
        <v>1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0</v>
      </c>
      <c r="I103" s="14">
        <v>3</v>
      </c>
      <c r="J103" s="14">
        <v>2</v>
      </c>
      <c r="K103" s="14">
        <v>0</v>
      </c>
      <c r="L103" s="14">
        <v>1</v>
      </c>
      <c r="M103" s="14">
        <v>1</v>
      </c>
      <c r="N103" s="23">
        <v>1</v>
      </c>
      <c r="O103" s="23">
        <v>2</v>
      </c>
      <c r="P103" s="23">
        <v>2</v>
      </c>
      <c r="Q103" s="23">
        <v>3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1</v>
      </c>
      <c r="L104" s="14">
        <v>1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470</v>
      </c>
      <c r="H105" s="17">
        <f t="shared" ref="H105:N105" si="10">SUM(H84:H104)</f>
        <v>445</v>
      </c>
      <c r="I105" s="17">
        <f t="shared" si="10"/>
        <v>393</v>
      </c>
      <c r="J105" s="17">
        <f t="shared" si="10"/>
        <v>388</v>
      </c>
      <c r="K105" s="17">
        <f t="shared" si="10"/>
        <v>379</v>
      </c>
      <c r="L105" s="17">
        <f t="shared" si="10"/>
        <v>366</v>
      </c>
      <c r="M105" s="17">
        <f t="shared" si="10"/>
        <v>357</v>
      </c>
      <c r="N105" s="17">
        <f t="shared" si="10"/>
        <v>346</v>
      </c>
      <c r="O105" s="17">
        <f>SUM(O84:O104)</f>
        <v>332</v>
      </c>
      <c r="P105" s="17">
        <f>SUM(P84:P104)</f>
        <v>317</v>
      </c>
      <c r="Q105" s="17">
        <f>SUM(Q84:Q104)</f>
        <v>301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46</v>
      </c>
      <c r="H110" s="8">
        <f t="shared" si="11"/>
        <v>39</v>
      </c>
      <c r="I110" s="8">
        <f t="shared" si="11"/>
        <v>30</v>
      </c>
      <c r="J110" s="8">
        <f t="shared" si="11"/>
        <v>29</v>
      </c>
      <c r="K110" s="8">
        <f t="shared" si="11"/>
        <v>28</v>
      </c>
      <c r="L110" s="8">
        <f t="shared" si="11"/>
        <v>25</v>
      </c>
      <c r="M110" s="8">
        <f t="shared" si="11"/>
        <v>23</v>
      </c>
      <c r="N110" s="8">
        <f t="shared" si="11"/>
        <v>20</v>
      </c>
      <c r="O110" s="8">
        <f t="shared" si="11"/>
        <v>17</v>
      </c>
      <c r="P110" s="8">
        <f t="shared" si="11"/>
        <v>12</v>
      </c>
      <c r="Q110" s="8">
        <v>10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307</v>
      </c>
      <c r="H111" s="11">
        <f t="shared" si="12"/>
        <v>279</v>
      </c>
      <c r="I111" s="11">
        <f t="shared" si="12"/>
        <v>225</v>
      </c>
      <c r="J111" s="11">
        <f t="shared" si="12"/>
        <v>214</v>
      </c>
      <c r="K111" s="11">
        <f t="shared" si="12"/>
        <v>206</v>
      </c>
      <c r="L111" s="11">
        <f t="shared" si="12"/>
        <v>189</v>
      </c>
      <c r="M111" s="11">
        <f t="shared" si="12"/>
        <v>181</v>
      </c>
      <c r="N111" s="11">
        <f t="shared" si="12"/>
        <v>173</v>
      </c>
      <c r="O111" s="11">
        <f t="shared" si="12"/>
        <v>161</v>
      </c>
      <c r="P111" s="11">
        <f t="shared" si="12"/>
        <v>151</v>
      </c>
      <c r="Q111" s="11">
        <v>143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117</v>
      </c>
      <c r="H112" s="14">
        <f t="shared" si="13"/>
        <v>127</v>
      </c>
      <c r="I112" s="14">
        <f t="shared" si="13"/>
        <v>138</v>
      </c>
      <c r="J112" s="14">
        <f t="shared" si="13"/>
        <v>145</v>
      </c>
      <c r="K112" s="14">
        <f t="shared" si="13"/>
        <v>145</v>
      </c>
      <c r="L112" s="14">
        <f t="shared" si="13"/>
        <v>152</v>
      </c>
      <c r="M112" s="14">
        <f t="shared" si="13"/>
        <v>153</v>
      </c>
      <c r="N112" s="14">
        <f t="shared" si="13"/>
        <v>153</v>
      </c>
      <c r="O112" s="14">
        <f t="shared" si="13"/>
        <v>154</v>
      </c>
      <c r="P112" s="14">
        <f t="shared" si="13"/>
        <v>154</v>
      </c>
      <c r="Q112" s="14">
        <v>148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470</v>
      </c>
      <c r="H113" s="17">
        <f t="shared" ref="H113:N113" si="14">SUM(H110:H112)</f>
        <v>445</v>
      </c>
      <c r="I113" s="17">
        <f t="shared" si="14"/>
        <v>393</v>
      </c>
      <c r="J113" s="17">
        <f t="shared" si="14"/>
        <v>388</v>
      </c>
      <c r="K113" s="17">
        <f t="shared" si="14"/>
        <v>379</v>
      </c>
      <c r="L113" s="17">
        <f t="shared" si="14"/>
        <v>366</v>
      </c>
      <c r="M113" s="17">
        <f t="shared" si="14"/>
        <v>357</v>
      </c>
      <c r="N113" s="17">
        <f t="shared" si="14"/>
        <v>346</v>
      </c>
      <c r="O113" s="17">
        <f>SUM(O110:O112)</f>
        <v>332</v>
      </c>
      <c r="P113" s="17">
        <f>SUM(P110:P112)</f>
        <v>317</v>
      </c>
      <c r="Q113" s="17">
        <f>SUM(Q110:Q112)</f>
        <v>301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71" t="s">
        <v>7</v>
      </c>
      <c r="C118" s="71" t="s">
        <v>7</v>
      </c>
      <c r="D118" s="71" t="s">
        <v>7</v>
      </c>
      <c r="E118" s="71" t="s">
        <v>7</v>
      </c>
      <c r="F118" s="71" t="s">
        <v>7</v>
      </c>
      <c r="G118" s="72">
        <f t="shared" ref="G118:Q118" si="15">ROUND(G110/G113*100,1)</f>
        <v>9.8000000000000007</v>
      </c>
      <c r="H118" s="72">
        <f t="shared" si="15"/>
        <v>8.8000000000000007</v>
      </c>
      <c r="I118" s="72">
        <f t="shared" si="15"/>
        <v>7.6</v>
      </c>
      <c r="J118" s="72">
        <f t="shared" si="15"/>
        <v>7.5</v>
      </c>
      <c r="K118" s="72">
        <f t="shared" si="15"/>
        <v>7.4</v>
      </c>
      <c r="L118" s="72">
        <f t="shared" si="15"/>
        <v>6.8</v>
      </c>
      <c r="M118" s="72">
        <f t="shared" si="15"/>
        <v>6.4</v>
      </c>
      <c r="N118" s="72">
        <f t="shared" si="15"/>
        <v>5.8</v>
      </c>
      <c r="O118" s="72">
        <f t="shared" si="15"/>
        <v>5.0999999999999996</v>
      </c>
      <c r="P118" s="72">
        <f t="shared" si="15"/>
        <v>3.8</v>
      </c>
      <c r="Q118" s="72">
        <f t="shared" si="15"/>
        <v>3.3</v>
      </c>
    </row>
    <row r="119" spans="1:17" ht="21.75" customHeight="1" x14ac:dyDescent="0.2">
      <c r="A119" s="9" t="s">
        <v>34</v>
      </c>
      <c r="B119" s="73" t="s">
        <v>7</v>
      </c>
      <c r="C119" s="73" t="s">
        <v>7</v>
      </c>
      <c r="D119" s="73" t="s">
        <v>7</v>
      </c>
      <c r="E119" s="73" t="s">
        <v>7</v>
      </c>
      <c r="F119" s="73" t="s">
        <v>7</v>
      </c>
      <c r="G119" s="74">
        <f t="shared" ref="G119:Q119" si="16">ROUND(G111/G113*100,1)</f>
        <v>65.3</v>
      </c>
      <c r="H119" s="74">
        <f t="shared" si="16"/>
        <v>62.7</v>
      </c>
      <c r="I119" s="74">
        <f t="shared" si="16"/>
        <v>57.3</v>
      </c>
      <c r="J119" s="74">
        <f t="shared" si="16"/>
        <v>55.2</v>
      </c>
      <c r="K119" s="74">
        <f t="shared" si="16"/>
        <v>54.4</v>
      </c>
      <c r="L119" s="74">
        <f t="shared" si="16"/>
        <v>51.6</v>
      </c>
      <c r="M119" s="74">
        <f t="shared" si="16"/>
        <v>50.7</v>
      </c>
      <c r="N119" s="74">
        <f t="shared" si="16"/>
        <v>50</v>
      </c>
      <c r="O119" s="74">
        <f t="shared" si="16"/>
        <v>48.5</v>
      </c>
      <c r="P119" s="74">
        <f t="shared" si="16"/>
        <v>47.6</v>
      </c>
      <c r="Q119" s="74">
        <f t="shared" si="16"/>
        <v>47.5</v>
      </c>
    </row>
    <row r="120" spans="1:17" ht="21.75" customHeight="1" x14ac:dyDescent="0.2">
      <c r="A120" s="12" t="s">
        <v>35</v>
      </c>
      <c r="B120" s="75" t="s">
        <v>7</v>
      </c>
      <c r="C120" s="75" t="s">
        <v>7</v>
      </c>
      <c r="D120" s="75" t="s">
        <v>7</v>
      </c>
      <c r="E120" s="75" t="s">
        <v>7</v>
      </c>
      <c r="F120" s="75" t="s">
        <v>7</v>
      </c>
      <c r="G120" s="76">
        <f t="shared" ref="G120:Q120" si="17">ROUND(G112/G113*100,1)</f>
        <v>24.9</v>
      </c>
      <c r="H120" s="76">
        <f t="shared" si="17"/>
        <v>28.5</v>
      </c>
      <c r="I120" s="76">
        <f t="shared" si="17"/>
        <v>35.1</v>
      </c>
      <c r="J120" s="76">
        <f t="shared" si="17"/>
        <v>37.4</v>
      </c>
      <c r="K120" s="76">
        <f t="shared" si="17"/>
        <v>38.299999999999997</v>
      </c>
      <c r="L120" s="76">
        <f t="shared" si="17"/>
        <v>41.5</v>
      </c>
      <c r="M120" s="76">
        <f t="shared" si="17"/>
        <v>42.9</v>
      </c>
      <c r="N120" s="76">
        <f t="shared" si="17"/>
        <v>44.2</v>
      </c>
      <c r="O120" s="76">
        <f t="shared" si="17"/>
        <v>46.4</v>
      </c>
      <c r="P120" s="76">
        <f t="shared" si="17"/>
        <v>48.6</v>
      </c>
      <c r="Q120" s="76">
        <f t="shared" si="17"/>
        <v>49.2</v>
      </c>
    </row>
    <row r="121" spans="1:17" ht="21.75" customHeight="1" x14ac:dyDescent="0.35">
      <c r="A121" s="5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5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5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5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5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5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64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1</v>
      </c>
      <c r="H130" s="8">
        <v>12</v>
      </c>
      <c r="I130" s="8">
        <v>4</v>
      </c>
      <c r="J130" s="8">
        <v>7</v>
      </c>
      <c r="K130" s="8">
        <v>4</v>
      </c>
      <c r="L130" s="8">
        <v>4</v>
      </c>
      <c r="M130" s="8">
        <v>4</v>
      </c>
      <c r="N130" s="21">
        <v>2</v>
      </c>
      <c r="O130" s="21">
        <v>1</v>
      </c>
      <c r="P130" s="21">
        <v>1</v>
      </c>
      <c r="Q130" s="21">
        <v>1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19</v>
      </c>
      <c r="H131" s="8">
        <v>9</v>
      </c>
      <c r="I131" s="8">
        <v>9</v>
      </c>
      <c r="J131" s="8">
        <v>5</v>
      </c>
      <c r="K131" s="8">
        <v>8</v>
      </c>
      <c r="L131" s="8">
        <v>6</v>
      </c>
      <c r="M131" s="8">
        <v>5</v>
      </c>
      <c r="N131" s="21">
        <v>5</v>
      </c>
      <c r="O131" s="21">
        <v>4</v>
      </c>
      <c r="P131" s="21">
        <v>2</v>
      </c>
      <c r="Q131" s="21">
        <v>2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14</v>
      </c>
      <c r="H132" s="8">
        <v>18</v>
      </c>
      <c r="I132" s="8">
        <v>8</v>
      </c>
      <c r="J132" s="8">
        <v>8</v>
      </c>
      <c r="K132" s="8">
        <v>7</v>
      </c>
      <c r="L132" s="8">
        <v>9</v>
      </c>
      <c r="M132" s="8">
        <v>10</v>
      </c>
      <c r="N132" s="21">
        <v>10</v>
      </c>
      <c r="O132" s="21">
        <v>6</v>
      </c>
      <c r="P132" s="21">
        <v>7</v>
      </c>
      <c r="Q132" s="21">
        <v>5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6</v>
      </c>
      <c r="H133" s="11">
        <v>14</v>
      </c>
      <c r="I133" s="11">
        <v>15</v>
      </c>
      <c r="J133" s="11">
        <v>16</v>
      </c>
      <c r="K133" s="11">
        <v>14</v>
      </c>
      <c r="L133" s="11">
        <v>12</v>
      </c>
      <c r="M133" s="11">
        <v>9</v>
      </c>
      <c r="N133" s="22">
        <v>7</v>
      </c>
      <c r="O133" s="22">
        <v>7</v>
      </c>
      <c r="P133" s="22">
        <v>7</v>
      </c>
      <c r="Q133" s="22">
        <v>9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25</v>
      </c>
      <c r="H134" s="11">
        <v>13</v>
      </c>
      <c r="I134" s="11">
        <v>11</v>
      </c>
      <c r="J134" s="11">
        <v>13</v>
      </c>
      <c r="K134" s="11">
        <v>11</v>
      </c>
      <c r="L134" s="11">
        <v>10</v>
      </c>
      <c r="M134" s="11">
        <v>10</v>
      </c>
      <c r="N134" s="22">
        <v>10</v>
      </c>
      <c r="O134" s="22">
        <v>13</v>
      </c>
      <c r="P134" s="22">
        <v>11</v>
      </c>
      <c r="Q134" s="22">
        <v>9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23</v>
      </c>
      <c r="H135" s="11">
        <v>19</v>
      </c>
      <c r="I135" s="11">
        <v>9</v>
      </c>
      <c r="J135" s="11">
        <v>7</v>
      </c>
      <c r="K135" s="11">
        <v>6</v>
      </c>
      <c r="L135" s="11">
        <v>6</v>
      </c>
      <c r="M135" s="11">
        <v>6</v>
      </c>
      <c r="N135" s="22">
        <v>7</v>
      </c>
      <c r="O135" s="22">
        <v>9</v>
      </c>
      <c r="P135" s="22">
        <v>8</v>
      </c>
      <c r="Q135" s="22">
        <v>8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19</v>
      </c>
      <c r="H136" s="11">
        <v>20</v>
      </c>
      <c r="I136" s="11">
        <v>16</v>
      </c>
      <c r="J136" s="11">
        <v>14</v>
      </c>
      <c r="K136" s="11">
        <v>13</v>
      </c>
      <c r="L136" s="11">
        <v>12</v>
      </c>
      <c r="M136" s="11">
        <v>13</v>
      </c>
      <c r="N136" s="22">
        <v>7</v>
      </c>
      <c r="O136" s="22">
        <v>7</v>
      </c>
      <c r="P136" s="22">
        <v>5</v>
      </c>
      <c r="Q136" s="22">
        <v>5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14</v>
      </c>
      <c r="H137" s="11">
        <v>16</v>
      </c>
      <c r="I137" s="11">
        <v>15</v>
      </c>
      <c r="J137" s="11">
        <v>13</v>
      </c>
      <c r="K137" s="11">
        <v>15</v>
      </c>
      <c r="L137" s="11">
        <v>12</v>
      </c>
      <c r="M137" s="11">
        <v>13</v>
      </c>
      <c r="N137" s="22">
        <v>14</v>
      </c>
      <c r="O137" s="22">
        <v>10</v>
      </c>
      <c r="P137" s="22">
        <v>7</v>
      </c>
      <c r="Q137" s="22">
        <v>6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25</v>
      </c>
      <c r="H138" s="11">
        <v>14</v>
      </c>
      <c r="I138" s="11">
        <v>15</v>
      </c>
      <c r="J138" s="11">
        <v>15</v>
      </c>
      <c r="K138" s="11">
        <v>18</v>
      </c>
      <c r="L138" s="11">
        <v>18</v>
      </c>
      <c r="M138" s="11">
        <v>12</v>
      </c>
      <c r="N138" s="22">
        <v>15</v>
      </c>
      <c r="O138" s="22">
        <v>12</v>
      </c>
      <c r="P138" s="22">
        <v>12</v>
      </c>
      <c r="Q138" s="22">
        <v>9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27</v>
      </c>
      <c r="H139" s="11">
        <v>26</v>
      </c>
      <c r="I139" s="11">
        <v>13</v>
      </c>
      <c r="J139" s="11">
        <v>13</v>
      </c>
      <c r="K139" s="11">
        <v>11</v>
      </c>
      <c r="L139" s="11">
        <v>10</v>
      </c>
      <c r="M139" s="11">
        <v>13</v>
      </c>
      <c r="N139" s="22">
        <v>14</v>
      </c>
      <c r="O139" s="22">
        <v>18</v>
      </c>
      <c r="P139" s="22">
        <v>19</v>
      </c>
      <c r="Q139" s="22">
        <v>18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45</v>
      </c>
      <c r="H140" s="11">
        <v>26</v>
      </c>
      <c r="I140" s="11">
        <v>26</v>
      </c>
      <c r="J140" s="11">
        <v>21</v>
      </c>
      <c r="K140" s="11">
        <v>20</v>
      </c>
      <c r="L140" s="11">
        <v>21</v>
      </c>
      <c r="M140" s="11">
        <v>18</v>
      </c>
      <c r="N140" s="22">
        <v>14</v>
      </c>
      <c r="O140" s="22">
        <v>13</v>
      </c>
      <c r="P140" s="22">
        <v>12</v>
      </c>
      <c r="Q140" s="22">
        <v>11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32</v>
      </c>
      <c r="H141" s="11">
        <v>46</v>
      </c>
      <c r="I141" s="11">
        <v>24</v>
      </c>
      <c r="J141" s="11">
        <v>26</v>
      </c>
      <c r="K141" s="11">
        <v>23</v>
      </c>
      <c r="L141" s="11">
        <v>22</v>
      </c>
      <c r="M141" s="11">
        <v>24</v>
      </c>
      <c r="N141" s="22">
        <v>25</v>
      </c>
      <c r="O141" s="22">
        <v>20</v>
      </c>
      <c r="P141" s="22">
        <v>20</v>
      </c>
      <c r="Q141" s="22">
        <v>20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32</v>
      </c>
      <c r="H142" s="11">
        <v>36</v>
      </c>
      <c r="I142" s="11">
        <v>44</v>
      </c>
      <c r="J142" s="11">
        <v>44</v>
      </c>
      <c r="K142" s="11">
        <v>46</v>
      </c>
      <c r="L142" s="11">
        <v>44</v>
      </c>
      <c r="M142" s="11">
        <v>36</v>
      </c>
      <c r="N142" s="22">
        <v>26</v>
      </c>
      <c r="O142" s="22">
        <v>27</v>
      </c>
      <c r="P142" s="22">
        <v>23</v>
      </c>
      <c r="Q142" s="22">
        <v>22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33</v>
      </c>
      <c r="H143" s="14">
        <v>31</v>
      </c>
      <c r="I143" s="14">
        <v>37</v>
      </c>
      <c r="J143" s="14">
        <v>38</v>
      </c>
      <c r="K143" s="14">
        <v>36</v>
      </c>
      <c r="L143" s="14">
        <v>39</v>
      </c>
      <c r="M143" s="14">
        <v>40</v>
      </c>
      <c r="N143" s="23">
        <v>48</v>
      </c>
      <c r="O143" s="23">
        <v>45</v>
      </c>
      <c r="P143" s="23">
        <v>47</v>
      </c>
      <c r="Q143" s="23">
        <v>42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41</v>
      </c>
      <c r="H144" s="14">
        <v>30</v>
      </c>
      <c r="I144" s="14">
        <v>25</v>
      </c>
      <c r="J144" s="14">
        <v>25</v>
      </c>
      <c r="K144" s="14">
        <v>25</v>
      </c>
      <c r="L144" s="14">
        <v>27</v>
      </c>
      <c r="M144" s="14">
        <v>34</v>
      </c>
      <c r="N144" s="23">
        <v>36</v>
      </c>
      <c r="O144" s="23">
        <v>38</v>
      </c>
      <c r="P144" s="23">
        <v>37</v>
      </c>
      <c r="Q144" s="23">
        <v>36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58</v>
      </c>
      <c r="H145" s="14">
        <v>41</v>
      </c>
      <c r="I145" s="14">
        <v>29</v>
      </c>
      <c r="J145" s="14">
        <v>29</v>
      </c>
      <c r="K145" s="14">
        <v>29</v>
      </c>
      <c r="L145" s="14">
        <v>26</v>
      </c>
      <c r="M145" s="14">
        <v>25</v>
      </c>
      <c r="N145" s="23">
        <v>24</v>
      </c>
      <c r="O145" s="23">
        <v>25</v>
      </c>
      <c r="P145" s="23">
        <v>23</v>
      </c>
      <c r="Q145" s="23">
        <v>27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45</v>
      </c>
      <c r="H146" s="14">
        <v>53</v>
      </c>
      <c r="I146" s="14">
        <v>35</v>
      </c>
      <c r="J146" s="14">
        <v>29</v>
      </c>
      <c r="K146" s="14">
        <v>30</v>
      </c>
      <c r="L146" s="14">
        <v>26</v>
      </c>
      <c r="M146" s="14">
        <v>29</v>
      </c>
      <c r="N146" s="23">
        <v>25</v>
      </c>
      <c r="O146" s="23">
        <v>26</v>
      </c>
      <c r="P146" s="23">
        <v>31</v>
      </c>
      <c r="Q146" s="23">
        <v>23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28</v>
      </c>
      <c r="H147" s="14">
        <v>35</v>
      </c>
      <c r="I147" s="14">
        <v>44</v>
      </c>
      <c r="J147" s="14">
        <v>46</v>
      </c>
      <c r="K147" s="14">
        <v>46</v>
      </c>
      <c r="L147" s="14">
        <v>43</v>
      </c>
      <c r="M147" s="14">
        <v>29</v>
      </c>
      <c r="N147" s="23">
        <v>26</v>
      </c>
      <c r="O147" s="23">
        <v>20</v>
      </c>
      <c r="P147" s="23">
        <v>22</v>
      </c>
      <c r="Q147" s="23">
        <v>19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18</v>
      </c>
      <c r="H148" s="14">
        <v>22</v>
      </c>
      <c r="I148" s="14">
        <v>27</v>
      </c>
      <c r="J148" s="14">
        <v>29</v>
      </c>
      <c r="K148" s="14">
        <v>29</v>
      </c>
      <c r="L148" s="14">
        <v>30</v>
      </c>
      <c r="M148" s="14">
        <v>35</v>
      </c>
      <c r="N148" s="23">
        <v>36</v>
      </c>
      <c r="O148" s="23">
        <v>35</v>
      </c>
      <c r="P148" s="23">
        <v>32</v>
      </c>
      <c r="Q148" s="23">
        <v>21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3</v>
      </c>
      <c r="H149" s="14">
        <v>8</v>
      </c>
      <c r="I149" s="14">
        <v>3</v>
      </c>
      <c r="J149" s="14">
        <v>6</v>
      </c>
      <c r="K149" s="14">
        <v>10</v>
      </c>
      <c r="L149" s="14">
        <v>12</v>
      </c>
      <c r="M149" s="14">
        <v>14</v>
      </c>
      <c r="N149" s="23">
        <v>16</v>
      </c>
      <c r="O149" s="23">
        <v>18</v>
      </c>
      <c r="P149" s="23">
        <v>15</v>
      </c>
      <c r="Q149" s="23">
        <v>7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3</v>
      </c>
      <c r="H150" s="14">
        <v>4</v>
      </c>
      <c r="I150" s="14">
        <v>2</v>
      </c>
      <c r="J150" s="14">
        <v>1</v>
      </c>
      <c r="K150" s="14">
        <v>0</v>
      </c>
      <c r="L150" s="14">
        <v>2</v>
      </c>
      <c r="M150" s="14">
        <v>2</v>
      </c>
      <c r="N150" s="23">
        <v>1</v>
      </c>
      <c r="O150" s="23">
        <v>2</v>
      </c>
      <c r="P150" s="23">
        <v>1</v>
      </c>
      <c r="Q150" s="23">
        <v>1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541</v>
      </c>
      <c r="H151" s="17">
        <f t="shared" ref="H151:N151" si="18">SUM(H130:H150)</f>
        <v>493</v>
      </c>
      <c r="I151" s="17">
        <f t="shared" si="18"/>
        <v>411</v>
      </c>
      <c r="J151" s="17">
        <f t="shared" si="18"/>
        <v>405</v>
      </c>
      <c r="K151" s="17">
        <f t="shared" si="18"/>
        <v>401</v>
      </c>
      <c r="L151" s="17">
        <f t="shared" si="18"/>
        <v>391</v>
      </c>
      <c r="M151" s="17">
        <f t="shared" si="18"/>
        <v>381</v>
      </c>
      <c r="N151" s="17">
        <f t="shared" si="18"/>
        <v>368</v>
      </c>
      <c r="O151" s="17">
        <f>SUM(O130:O150)</f>
        <v>356</v>
      </c>
      <c r="P151" s="17">
        <f>SUM(P130:P150)</f>
        <v>342</v>
      </c>
      <c r="Q151" s="17">
        <f>SUM(Q130:Q150)</f>
        <v>301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44</v>
      </c>
      <c r="H156" s="8">
        <f t="shared" si="19"/>
        <v>39</v>
      </c>
      <c r="I156" s="8">
        <f t="shared" si="19"/>
        <v>21</v>
      </c>
      <c r="J156" s="8">
        <f t="shared" si="19"/>
        <v>20</v>
      </c>
      <c r="K156" s="8">
        <f t="shared" si="19"/>
        <v>19</v>
      </c>
      <c r="L156" s="8">
        <f t="shared" si="19"/>
        <v>19</v>
      </c>
      <c r="M156" s="8">
        <f t="shared" si="19"/>
        <v>19</v>
      </c>
      <c r="N156" s="8">
        <f t="shared" si="19"/>
        <v>17</v>
      </c>
      <c r="O156" s="8">
        <f t="shared" si="19"/>
        <v>11</v>
      </c>
      <c r="P156" s="8">
        <f t="shared" si="19"/>
        <v>10</v>
      </c>
      <c r="Q156" s="8">
        <v>8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258</v>
      </c>
      <c r="H157" s="11">
        <f t="shared" si="20"/>
        <v>230</v>
      </c>
      <c r="I157" s="11">
        <f t="shared" si="20"/>
        <v>188</v>
      </c>
      <c r="J157" s="11">
        <f t="shared" si="20"/>
        <v>182</v>
      </c>
      <c r="K157" s="11">
        <f t="shared" si="20"/>
        <v>177</v>
      </c>
      <c r="L157" s="11">
        <f t="shared" si="20"/>
        <v>167</v>
      </c>
      <c r="M157" s="11">
        <f t="shared" si="20"/>
        <v>154</v>
      </c>
      <c r="N157" s="11">
        <f t="shared" si="20"/>
        <v>139</v>
      </c>
      <c r="O157" s="11">
        <f t="shared" si="20"/>
        <v>136</v>
      </c>
      <c r="P157" s="11">
        <f t="shared" si="20"/>
        <v>124</v>
      </c>
      <c r="Q157" s="11">
        <v>117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239</v>
      </c>
      <c r="H158" s="14">
        <f t="shared" si="21"/>
        <v>224</v>
      </c>
      <c r="I158" s="14">
        <f t="shared" si="21"/>
        <v>202</v>
      </c>
      <c r="J158" s="14">
        <f t="shared" si="21"/>
        <v>203</v>
      </c>
      <c r="K158" s="14">
        <f t="shared" si="21"/>
        <v>205</v>
      </c>
      <c r="L158" s="14">
        <f t="shared" si="21"/>
        <v>205</v>
      </c>
      <c r="M158" s="14">
        <f t="shared" si="21"/>
        <v>208</v>
      </c>
      <c r="N158" s="14">
        <f t="shared" si="21"/>
        <v>212</v>
      </c>
      <c r="O158" s="14">
        <f t="shared" si="21"/>
        <v>209</v>
      </c>
      <c r="P158" s="14">
        <f t="shared" si="21"/>
        <v>208</v>
      </c>
      <c r="Q158" s="14">
        <v>176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541</v>
      </c>
      <c r="H159" s="17">
        <f t="shared" ref="H159:N159" si="22">SUM(H156:H158)</f>
        <v>493</v>
      </c>
      <c r="I159" s="17">
        <f t="shared" si="22"/>
        <v>411</v>
      </c>
      <c r="J159" s="17">
        <f t="shared" si="22"/>
        <v>405</v>
      </c>
      <c r="K159" s="17">
        <f t="shared" si="22"/>
        <v>401</v>
      </c>
      <c r="L159" s="17">
        <f t="shared" si="22"/>
        <v>391</v>
      </c>
      <c r="M159" s="17">
        <f t="shared" si="22"/>
        <v>381</v>
      </c>
      <c r="N159" s="17">
        <f t="shared" si="22"/>
        <v>368</v>
      </c>
      <c r="O159" s="17">
        <f>SUM(O156:O158)</f>
        <v>356</v>
      </c>
      <c r="P159" s="17">
        <f>SUM(P156:P158)</f>
        <v>342</v>
      </c>
      <c r="Q159" s="17">
        <f>SUM(Q156:Q158)</f>
        <v>301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71" t="s">
        <v>7</v>
      </c>
      <c r="C164" s="71" t="s">
        <v>7</v>
      </c>
      <c r="D164" s="71" t="s">
        <v>7</v>
      </c>
      <c r="E164" s="71" t="s">
        <v>7</v>
      </c>
      <c r="F164" s="71" t="s">
        <v>7</v>
      </c>
      <c r="G164" s="72">
        <f t="shared" ref="G164:Q164" si="23">ROUND(G156/G159*100,1)</f>
        <v>8.1</v>
      </c>
      <c r="H164" s="72">
        <f t="shared" si="23"/>
        <v>7.9</v>
      </c>
      <c r="I164" s="72">
        <f t="shared" si="23"/>
        <v>5.0999999999999996</v>
      </c>
      <c r="J164" s="72">
        <f t="shared" si="23"/>
        <v>4.9000000000000004</v>
      </c>
      <c r="K164" s="72">
        <f t="shared" si="23"/>
        <v>4.7</v>
      </c>
      <c r="L164" s="72">
        <f t="shared" si="23"/>
        <v>4.9000000000000004</v>
      </c>
      <c r="M164" s="72">
        <f t="shared" si="23"/>
        <v>5</v>
      </c>
      <c r="N164" s="72">
        <f t="shared" si="23"/>
        <v>4.5999999999999996</v>
      </c>
      <c r="O164" s="72">
        <f t="shared" si="23"/>
        <v>3.1</v>
      </c>
      <c r="P164" s="72">
        <f t="shared" si="23"/>
        <v>2.9</v>
      </c>
      <c r="Q164" s="72">
        <f t="shared" si="23"/>
        <v>2.7</v>
      </c>
    </row>
    <row r="165" spans="1:20" ht="21.75" customHeight="1" x14ac:dyDescent="0.2">
      <c r="A165" s="9" t="s">
        <v>34</v>
      </c>
      <c r="B165" s="73" t="s">
        <v>7</v>
      </c>
      <c r="C165" s="73" t="s">
        <v>7</v>
      </c>
      <c r="D165" s="73" t="s">
        <v>7</v>
      </c>
      <c r="E165" s="73" t="s">
        <v>7</v>
      </c>
      <c r="F165" s="73" t="s">
        <v>7</v>
      </c>
      <c r="G165" s="74">
        <f t="shared" ref="G165:Q165" si="24">ROUND(G157/G159*100,1)</f>
        <v>47.7</v>
      </c>
      <c r="H165" s="74">
        <f t="shared" si="24"/>
        <v>46.7</v>
      </c>
      <c r="I165" s="74">
        <f t="shared" si="24"/>
        <v>45.7</v>
      </c>
      <c r="J165" s="74">
        <f t="shared" si="24"/>
        <v>44.9</v>
      </c>
      <c r="K165" s="74">
        <f t="shared" si="24"/>
        <v>44.1</v>
      </c>
      <c r="L165" s="74">
        <f t="shared" si="24"/>
        <v>42.7</v>
      </c>
      <c r="M165" s="74">
        <f t="shared" si="24"/>
        <v>40.4</v>
      </c>
      <c r="N165" s="74">
        <f t="shared" si="24"/>
        <v>37.799999999999997</v>
      </c>
      <c r="O165" s="74">
        <f t="shared" si="24"/>
        <v>38.200000000000003</v>
      </c>
      <c r="P165" s="74">
        <f t="shared" si="24"/>
        <v>36.299999999999997</v>
      </c>
      <c r="Q165" s="74">
        <f t="shared" si="24"/>
        <v>38.9</v>
      </c>
    </row>
    <row r="166" spans="1:20" ht="21.75" customHeight="1" x14ac:dyDescent="0.2">
      <c r="A166" s="12" t="s">
        <v>35</v>
      </c>
      <c r="B166" s="75" t="s">
        <v>7</v>
      </c>
      <c r="C166" s="75" t="s">
        <v>7</v>
      </c>
      <c r="D166" s="75" t="s">
        <v>7</v>
      </c>
      <c r="E166" s="75" t="s">
        <v>7</v>
      </c>
      <c r="F166" s="75" t="s">
        <v>7</v>
      </c>
      <c r="G166" s="76">
        <f t="shared" ref="G166:Q166" si="25">ROUND(G158/G159*100,1)</f>
        <v>44.2</v>
      </c>
      <c r="H166" s="76">
        <f t="shared" si="25"/>
        <v>45.4</v>
      </c>
      <c r="I166" s="76">
        <f t="shared" si="25"/>
        <v>49.1</v>
      </c>
      <c r="J166" s="76">
        <f t="shared" si="25"/>
        <v>50.1</v>
      </c>
      <c r="K166" s="76">
        <f t="shared" si="25"/>
        <v>51.1</v>
      </c>
      <c r="L166" s="76">
        <f t="shared" si="25"/>
        <v>52.4</v>
      </c>
      <c r="M166" s="76">
        <f t="shared" si="25"/>
        <v>54.6</v>
      </c>
      <c r="N166" s="76">
        <f t="shared" si="25"/>
        <v>57.6</v>
      </c>
      <c r="O166" s="76">
        <f t="shared" si="25"/>
        <v>58.7</v>
      </c>
      <c r="P166" s="76">
        <f t="shared" si="25"/>
        <v>60.8</v>
      </c>
      <c r="Q166" s="76">
        <f t="shared" si="25"/>
        <v>58.5</v>
      </c>
    </row>
    <row r="167" spans="1:20" ht="21.75" customHeight="1" x14ac:dyDescent="0.2">
      <c r="A167" s="5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66"/>
      <c r="B168" s="66"/>
      <c r="C168" s="66"/>
      <c r="D168" s="66"/>
      <c r="E168" s="66"/>
      <c r="F168" s="66"/>
      <c r="G168" s="66"/>
      <c r="H168" s="66"/>
      <c r="I168" s="66"/>
      <c r="J168" s="66"/>
      <c r="K168" s="66"/>
      <c r="L168" s="66"/>
      <c r="M168" s="66"/>
      <c r="N168" s="66"/>
      <c r="O168" s="66"/>
      <c r="P168" s="66"/>
      <c r="Q168" s="66"/>
      <c r="R168" s="66"/>
      <c r="S168" s="66"/>
      <c r="T168" s="6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5" man="1"/>
  </rowBreaks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5B5AB0-A51F-4D0F-B257-791E1CECFEA3}">
  <sheetPr codeName="Sheet74"/>
  <dimension ref="A1:T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65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2</v>
      </c>
      <c r="H5" s="8">
        <f t="shared" si="0"/>
        <v>1</v>
      </c>
      <c r="I5" s="8">
        <f t="shared" si="0"/>
        <v>4</v>
      </c>
      <c r="J5" s="8">
        <f t="shared" si="0"/>
        <v>3</v>
      </c>
      <c r="K5" s="8">
        <f t="shared" si="0"/>
        <v>4</v>
      </c>
      <c r="L5" s="8">
        <f t="shared" si="0"/>
        <v>2</v>
      </c>
      <c r="M5" s="8">
        <f t="shared" si="0"/>
        <v>2</v>
      </c>
      <c r="N5" s="8">
        <f t="shared" si="0"/>
        <v>1</v>
      </c>
      <c r="O5" s="8">
        <f t="shared" si="0"/>
        <v>0</v>
      </c>
      <c r="P5" s="8">
        <f t="shared" si="0"/>
        <v>0</v>
      </c>
      <c r="Q5" s="8">
        <f t="shared" si="0"/>
        <v>0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7</v>
      </c>
      <c r="H6" s="8">
        <f t="shared" si="0"/>
        <v>6</v>
      </c>
      <c r="I6" s="8">
        <f t="shared" si="0"/>
        <v>1</v>
      </c>
      <c r="J6" s="8">
        <f t="shared" si="0"/>
        <v>1</v>
      </c>
      <c r="K6" s="8">
        <f t="shared" si="0"/>
        <v>1</v>
      </c>
      <c r="L6" s="8">
        <f t="shared" si="0"/>
        <v>3</v>
      </c>
      <c r="M6" s="8">
        <f t="shared" si="0"/>
        <v>3</v>
      </c>
      <c r="N6" s="8">
        <f t="shared" si="0"/>
        <v>4</v>
      </c>
      <c r="O6" s="8">
        <f t="shared" si="0"/>
        <v>2</v>
      </c>
      <c r="P6" s="8">
        <f t="shared" si="0"/>
        <v>2</v>
      </c>
      <c r="Q6" s="8">
        <f t="shared" si="0"/>
        <v>1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9</v>
      </c>
      <c r="H7" s="8">
        <f t="shared" si="0"/>
        <v>7</v>
      </c>
      <c r="I7" s="8">
        <f t="shared" si="0"/>
        <v>7</v>
      </c>
      <c r="J7" s="8">
        <f t="shared" si="0"/>
        <v>5</v>
      </c>
      <c r="K7" s="8">
        <f t="shared" si="0"/>
        <v>5</v>
      </c>
      <c r="L7" s="8">
        <f t="shared" si="0"/>
        <v>2</v>
      </c>
      <c r="M7" s="8">
        <f t="shared" si="0"/>
        <v>1</v>
      </c>
      <c r="N7" s="8">
        <f t="shared" si="0"/>
        <v>0</v>
      </c>
      <c r="O7" s="8">
        <f t="shared" si="0"/>
        <v>1</v>
      </c>
      <c r="P7" s="8">
        <f t="shared" si="0"/>
        <v>1</v>
      </c>
      <c r="Q7" s="8">
        <f t="shared" si="0"/>
        <v>2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15</v>
      </c>
      <c r="H8" s="11">
        <f t="shared" si="0"/>
        <v>7</v>
      </c>
      <c r="I8" s="11">
        <f t="shared" si="0"/>
        <v>7</v>
      </c>
      <c r="J8" s="11">
        <f t="shared" si="0"/>
        <v>7</v>
      </c>
      <c r="K8" s="11">
        <f t="shared" si="0"/>
        <v>6</v>
      </c>
      <c r="L8" s="11">
        <f t="shared" si="0"/>
        <v>6</v>
      </c>
      <c r="M8" s="11">
        <f t="shared" si="0"/>
        <v>5</v>
      </c>
      <c r="N8" s="11">
        <f t="shared" si="0"/>
        <v>4</v>
      </c>
      <c r="O8" s="11">
        <f t="shared" si="0"/>
        <v>3</v>
      </c>
      <c r="P8" s="11">
        <f t="shared" si="0"/>
        <v>2</v>
      </c>
      <c r="Q8" s="11">
        <f t="shared" si="0"/>
        <v>1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22</v>
      </c>
      <c r="H9" s="11">
        <f t="shared" si="0"/>
        <v>12</v>
      </c>
      <c r="I9" s="11">
        <f t="shared" si="0"/>
        <v>7</v>
      </c>
      <c r="J9" s="11">
        <f t="shared" si="0"/>
        <v>10</v>
      </c>
      <c r="K9" s="11">
        <f t="shared" si="0"/>
        <v>8</v>
      </c>
      <c r="L9" s="11">
        <f t="shared" si="0"/>
        <v>9</v>
      </c>
      <c r="M9" s="11">
        <f t="shared" si="0"/>
        <v>5</v>
      </c>
      <c r="N9" s="11">
        <f t="shared" si="0"/>
        <v>5</v>
      </c>
      <c r="O9" s="11">
        <f t="shared" si="0"/>
        <v>2</v>
      </c>
      <c r="P9" s="11">
        <f t="shared" si="0"/>
        <v>2</v>
      </c>
      <c r="Q9" s="11">
        <f t="shared" si="0"/>
        <v>3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6</v>
      </c>
      <c r="H10" s="11">
        <f t="shared" si="0"/>
        <v>18</v>
      </c>
      <c r="I10" s="11">
        <f t="shared" si="0"/>
        <v>9</v>
      </c>
      <c r="J10" s="11">
        <f t="shared" si="0"/>
        <v>7</v>
      </c>
      <c r="K10" s="11">
        <f t="shared" si="0"/>
        <v>6</v>
      </c>
      <c r="L10" s="11">
        <f t="shared" si="0"/>
        <v>6</v>
      </c>
      <c r="M10" s="11">
        <f t="shared" si="0"/>
        <v>5</v>
      </c>
      <c r="N10" s="11">
        <f t="shared" si="0"/>
        <v>4</v>
      </c>
      <c r="O10" s="11">
        <f t="shared" si="0"/>
        <v>6</v>
      </c>
      <c r="P10" s="11">
        <f t="shared" si="0"/>
        <v>1</v>
      </c>
      <c r="Q10" s="11">
        <f t="shared" si="0"/>
        <v>1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5</v>
      </c>
      <c r="H11" s="11">
        <f t="shared" si="0"/>
        <v>10</v>
      </c>
      <c r="I11" s="11">
        <f t="shared" si="0"/>
        <v>10</v>
      </c>
      <c r="J11" s="11">
        <f t="shared" si="0"/>
        <v>10</v>
      </c>
      <c r="K11" s="11">
        <f t="shared" si="0"/>
        <v>8</v>
      </c>
      <c r="L11" s="11">
        <f t="shared" si="0"/>
        <v>7</v>
      </c>
      <c r="M11" s="11">
        <f t="shared" si="0"/>
        <v>8</v>
      </c>
      <c r="N11" s="11">
        <f t="shared" si="0"/>
        <v>6</v>
      </c>
      <c r="O11" s="11">
        <f t="shared" si="0"/>
        <v>4</v>
      </c>
      <c r="P11" s="11">
        <f t="shared" si="0"/>
        <v>5</v>
      </c>
      <c r="Q11" s="11">
        <f t="shared" si="0"/>
        <v>5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0</v>
      </c>
      <c r="H12" s="11">
        <f t="shared" si="0"/>
        <v>3</v>
      </c>
      <c r="I12" s="11">
        <f t="shared" si="0"/>
        <v>5</v>
      </c>
      <c r="J12" s="11">
        <f t="shared" si="0"/>
        <v>7</v>
      </c>
      <c r="K12" s="11">
        <f t="shared" si="0"/>
        <v>10</v>
      </c>
      <c r="L12" s="11">
        <f t="shared" si="0"/>
        <v>10</v>
      </c>
      <c r="M12" s="11">
        <f t="shared" si="0"/>
        <v>10</v>
      </c>
      <c r="N12" s="11">
        <f t="shared" si="0"/>
        <v>9</v>
      </c>
      <c r="O12" s="11">
        <f t="shared" si="0"/>
        <v>7</v>
      </c>
      <c r="P12" s="11">
        <f t="shared" si="0"/>
        <v>5</v>
      </c>
      <c r="Q12" s="11">
        <f t="shared" si="0"/>
        <v>4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2</v>
      </c>
      <c r="H13" s="11">
        <f t="shared" si="0"/>
        <v>8</v>
      </c>
      <c r="I13" s="11">
        <f t="shared" si="0"/>
        <v>3</v>
      </c>
      <c r="J13" s="11">
        <f t="shared" si="0"/>
        <v>3</v>
      </c>
      <c r="K13" s="11">
        <f t="shared" si="0"/>
        <v>2</v>
      </c>
      <c r="L13" s="11">
        <f t="shared" si="0"/>
        <v>2</v>
      </c>
      <c r="M13" s="11">
        <f t="shared" si="0"/>
        <v>4</v>
      </c>
      <c r="N13" s="11">
        <f t="shared" si="0"/>
        <v>6</v>
      </c>
      <c r="O13" s="11">
        <f t="shared" si="0"/>
        <v>6</v>
      </c>
      <c r="P13" s="11">
        <f t="shared" si="0"/>
        <v>8</v>
      </c>
      <c r="Q13" s="11">
        <f t="shared" si="0"/>
        <v>8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8</v>
      </c>
      <c r="H14" s="11">
        <f t="shared" si="0"/>
        <v>12</v>
      </c>
      <c r="I14" s="11">
        <f t="shared" si="0"/>
        <v>7</v>
      </c>
      <c r="J14" s="11">
        <f t="shared" si="0"/>
        <v>6</v>
      </c>
      <c r="K14" s="11">
        <f t="shared" si="0"/>
        <v>4</v>
      </c>
      <c r="L14" s="11">
        <f t="shared" si="0"/>
        <v>4</v>
      </c>
      <c r="M14" s="11">
        <f t="shared" si="0"/>
        <v>3</v>
      </c>
      <c r="N14" s="11">
        <f t="shared" si="0"/>
        <v>0</v>
      </c>
      <c r="O14" s="11">
        <f t="shared" si="0"/>
        <v>1</v>
      </c>
      <c r="P14" s="11">
        <f t="shared" si="0"/>
        <v>1</v>
      </c>
      <c r="Q14" s="11">
        <f t="shared" si="0"/>
        <v>2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16</v>
      </c>
      <c r="H15" s="11">
        <f t="shared" si="0"/>
        <v>17</v>
      </c>
      <c r="I15" s="11">
        <f t="shared" si="0"/>
        <v>13</v>
      </c>
      <c r="J15" s="11">
        <f t="shared" si="0"/>
        <v>10</v>
      </c>
      <c r="K15" s="11">
        <f t="shared" si="0"/>
        <v>11</v>
      </c>
      <c r="L15" s="11">
        <f t="shared" si="0"/>
        <v>8</v>
      </c>
      <c r="M15" s="11">
        <f t="shared" si="0"/>
        <v>8</v>
      </c>
      <c r="N15" s="11">
        <f t="shared" si="0"/>
        <v>7</v>
      </c>
      <c r="O15" s="11">
        <f t="shared" si="0"/>
        <v>5</v>
      </c>
      <c r="P15" s="11">
        <f t="shared" si="0"/>
        <v>2</v>
      </c>
      <c r="Q15" s="11">
        <f t="shared" si="0"/>
        <v>2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27</v>
      </c>
      <c r="H16" s="11">
        <f t="shared" si="0"/>
        <v>16</v>
      </c>
      <c r="I16" s="11">
        <f t="shared" si="0"/>
        <v>17</v>
      </c>
      <c r="J16" s="11">
        <f t="shared" si="0"/>
        <v>17</v>
      </c>
      <c r="K16" s="11">
        <f t="shared" si="0"/>
        <v>11</v>
      </c>
      <c r="L16" s="11">
        <f t="shared" si="0"/>
        <v>14</v>
      </c>
      <c r="M16" s="11">
        <f t="shared" si="0"/>
        <v>10</v>
      </c>
      <c r="N16" s="11">
        <f t="shared" si="0"/>
        <v>9</v>
      </c>
      <c r="O16" s="11">
        <f t="shared" si="0"/>
        <v>8</v>
      </c>
      <c r="P16" s="11">
        <f t="shared" si="0"/>
        <v>10</v>
      </c>
      <c r="Q16" s="11">
        <f t="shared" si="0"/>
        <v>8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4</v>
      </c>
      <c r="H17" s="11">
        <f t="shared" si="0"/>
        <v>26</v>
      </c>
      <c r="I17" s="11">
        <f t="shared" si="0"/>
        <v>17</v>
      </c>
      <c r="J17" s="11">
        <f t="shared" si="0"/>
        <v>18</v>
      </c>
      <c r="K17" s="11">
        <f t="shared" si="0"/>
        <v>20</v>
      </c>
      <c r="L17" s="11">
        <f t="shared" si="0"/>
        <v>16</v>
      </c>
      <c r="M17" s="11">
        <f t="shared" si="0"/>
        <v>16</v>
      </c>
      <c r="N17" s="11">
        <f t="shared" si="0"/>
        <v>16</v>
      </c>
      <c r="O17" s="11">
        <f t="shared" si="0"/>
        <v>14</v>
      </c>
      <c r="P17" s="11">
        <f t="shared" si="0"/>
        <v>9</v>
      </c>
      <c r="Q17" s="11">
        <f t="shared" si="0"/>
        <v>11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32</v>
      </c>
      <c r="H18" s="14">
        <f t="shared" si="0"/>
        <v>14</v>
      </c>
      <c r="I18" s="14">
        <f t="shared" si="0"/>
        <v>22</v>
      </c>
      <c r="J18" s="14">
        <f t="shared" si="0"/>
        <v>23</v>
      </c>
      <c r="K18" s="14">
        <f t="shared" si="0"/>
        <v>22</v>
      </c>
      <c r="L18" s="14">
        <f t="shared" si="0"/>
        <v>17</v>
      </c>
      <c r="M18" s="14">
        <f t="shared" si="0"/>
        <v>16</v>
      </c>
      <c r="N18" s="14">
        <f t="shared" si="0"/>
        <v>14</v>
      </c>
      <c r="O18" s="14">
        <f t="shared" si="0"/>
        <v>17</v>
      </c>
      <c r="P18" s="14">
        <f t="shared" si="0"/>
        <v>19</v>
      </c>
      <c r="Q18" s="14">
        <f t="shared" si="0"/>
        <v>16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28</v>
      </c>
      <c r="H19" s="14">
        <f t="shared" si="0"/>
        <v>31</v>
      </c>
      <c r="I19" s="14">
        <f t="shared" si="0"/>
        <v>12</v>
      </c>
      <c r="J19" s="14">
        <f t="shared" si="0"/>
        <v>13</v>
      </c>
      <c r="K19" s="14">
        <f t="shared" si="0"/>
        <v>13</v>
      </c>
      <c r="L19" s="14">
        <f t="shared" si="0"/>
        <v>18</v>
      </c>
      <c r="M19" s="14">
        <f t="shared" si="0"/>
        <v>19</v>
      </c>
      <c r="N19" s="14">
        <f t="shared" si="0"/>
        <v>21</v>
      </c>
      <c r="O19" s="14">
        <f t="shared" si="0"/>
        <v>20</v>
      </c>
      <c r="P19" s="14">
        <f t="shared" si="0"/>
        <v>20</v>
      </c>
      <c r="Q19" s="14">
        <f t="shared" si="0"/>
        <v>16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9</v>
      </c>
      <c r="H20" s="14">
        <f t="shared" si="0"/>
        <v>23</v>
      </c>
      <c r="I20" s="14">
        <f t="shared" si="0"/>
        <v>27</v>
      </c>
      <c r="J20" s="14">
        <f t="shared" si="0"/>
        <v>20</v>
      </c>
      <c r="K20" s="14">
        <f t="shared" si="0"/>
        <v>18</v>
      </c>
      <c r="L20" s="14">
        <f t="shared" si="0"/>
        <v>13</v>
      </c>
      <c r="M20" s="14">
        <f t="shared" si="0"/>
        <v>15</v>
      </c>
      <c r="N20" s="14">
        <f t="shared" si="0"/>
        <v>11</v>
      </c>
      <c r="O20" s="14">
        <f t="shared" si="0"/>
        <v>12</v>
      </c>
      <c r="P20" s="14">
        <f t="shared" si="0"/>
        <v>11</v>
      </c>
      <c r="Q20" s="14">
        <f t="shared" si="0"/>
        <v>15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17</v>
      </c>
      <c r="H21" s="14">
        <f t="shared" si="1"/>
        <v>15</v>
      </c>
      <c r="I21" s="14">
        <f t="shared" si="1"/>
        <v>14</v>
      </c>
      <c r="J21" s="14">
        <f t="shared" si="1"/>
        <v>19</v>
      </c>
      <c r="K21" s="14">
        <f t="shared" si="1"/>
        <v>22</v>
      </c>
      <c r="L21" s="14">
        <f t="shared" si="1"/>
        <v>26</v>
      </c>
      <c r="M21" s="14">
        <f t="shared" si="1"/>
        <v>21</v>
      </c>
      <c r="N21" s="14">
        <f t="shared" si="1"/>
        <v>25</v>
      </c>
      <c r="O21" s="14">
        <f t="shared" si="1"/>
        <v>19</v>
      </c>
      <c r="P21" s="14">
        <f t="shared" si="1"/>
        <v>17</v>
      </c>
      <c r="Q21" s="14">
        <f t="shared" si="1"/>
        <v>13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9</v>
      </c>
      <c r="H22" s="14">
        <f t="shared" si="1"/>
        <v>11</v>
      </c>
      <c r="I22" s="14">
        <f t="shared" si="1"/>
        <v>11</v>
      </c>
      <c r="J22" s="14">
        <f t="shared" si="1"/>
        <v>11</v>
      </c>
      <c r="K22" s="14">
        <f t="shared" si="1"/>
        <v>10</v>
      </c>
      <c r="L22" s="14">
        <f t="shared" si="1"/>
        <v>10</v>
      </c>
      <c r="M22" s="14">
        <f t="shared" si="1"/>
        <v>13</v>
      </c>
      <c r="N22" s="14">
        <f t="shared" si="1"/>
        <v>11</v>
      </c>
      <c r="O22" s="14">
        <f t="shared" si="1"/>
        <v>13</v>
      </c>
      <c r="P22" s="14">
        <f t="shared" si="1"/>
        <v>15</v>
      </c>
      <c r="Q22" s="14">
        <f t="shared" si="1"/>
        <v>18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3</v>
      </c>
      <c r="H23" s="14">
        <f t="shared" si="1"/>
        <v>5</v>
      </c>
      <c r="I23" s="14">
        <f t="shared" si="1"/>
        <v>7</v>
      </c>
      <c r="J23" s="14">
        <f t="shared" si="1"/>
        <v>7</v>
      </c>
      <c r="K23" s="14">
        <f t="shared" si="1"/>
        <v>7</v>
      </c>
      <c r="L23" s="14">
        <f t="shared" si="1"/>
        <v>7</v>
      </c>
      <c r="M23" s="14">
        <f t="shared" si="1"/>
        <v>6</v>
      </c>
      <c r="N23" s="14">
        <f t="shared" si="1"/>
        <v>6</v>
      </c>
      <c r="O23" s="14">
        <f t="shared" si="1"/>
        <v>5</v>
      </c>
      <c r="P23" s="14">
        <f t="shared" si="1"/>
        <v>6</v>
      </c>
      <c r="Q23" s="14">
        <f t="shared" si="1"/>
        <v>6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0</v>
      </c>
      <c r="H24" s="14">
        <f t="shared" si="1"/>
        <v>1</v>
      </c>
      <c r="I24" s="14">
        <f t="shared" si="1"/>
        <v>3</v>
      </c>
      <c r="J24" s="14">
        <f t="shared" si="1"/>
        <v>4</v>
      </c>
      <c r="K24" s="14">
        <f t="shared" si="1"/>
        <v>2</v>
      </c>
      <c r="L24" s="14">
        <f t="shared" si="1"/>
        <v>1</v>
      </c>
      <c r="M24" s="14">
        <f t="shared" si="1"/>
        <v>2</v>
      </c>
      <c r="N24" s="14">
        <f t="shared" si="1"/>
        <v>1</v>
      </c>
      <c r="O24" s="14">
        <f t="shared" si="1"/>
        <v>0</v>
      </c>
      <c r="P24" s="14">
        <f t="shared" si="1"/>
        <v>1</v>
      </c>
      <c r="Q24" s="14">
        <f t="shared" si="1"/>
        <v>1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0</v>
      </c>
      <c r="I25" s="14">
        <f t="shared" si="1"/>
        <v>0</v>
      </c>
      <c r="J25" s="14">
        <f t="shared" si="1"/>
        <v>0</v>
      </c>
      <c r="K25" s="14">
        <f t="shared" si="1"/>
        <v>1</v>
      </c>
      <c r="L25" s="14">
        <f t="shared" si="1"/>
        <v>1</v>
      </c>
      <c r="M25" s="14">
        <f t="shared" si="1"/>
        <v>1</v>
      </c>
      <c r="N25" s="14">
        <f t="shared" si="1"/>
        <v>1</v>
      </c>
      <c r="O25" s="14">
        <f t="shared" si="1"/>
        <v>1</v>
      </c>
      <c r="P25" s="14">
        <f t="shared" si="1"/>
        <v>1</v>
      </c>
      <c r="Q25" s="14">
        <f t="shared" si="1"/>
        <v>1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271</v>
      </c>
      <c r="H26" s="17">
        <f>SUM(H5:H25)</f>
        <v>243</v>
      </c>
      <c r="I26" s="17">
        <f t="shared" ref="I26:N26" si="2">SUM(I5:I25)</f>
        <v>203</v>
      </c>
      <c r="J26" s="17">
        <f t="shared" si="2"/>
        <v>201</v>
      </c>
      <c r="K26" s="17">
        <f t="shared" si="2"/>
        <v>191</v>
      </c>
      <c r="L26" s="17">
        <f t="shared" si="2"/>
        <v>182</v>
      </c>
      <c r="M26" s="17">
        <f t="shared" si="2"/>
        <v>173</v>
      </c>
      <c r="N26" s="17">
        <f t="shared" si="2"/>
        <v>161</v>
      </c>
      <c r="O26" s="17">
        <f>SUM(O5:O25)</f>
        <v>146</v>
      </c>
      <c r="P26" s="17">
        <f>SUM(P5:P25)</f>
        <v>138</v>
      </c>
      <c r="Q26" s="17">
        <f>SUM(Q5:Q25)</f>
        <v>134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8</v>
      </c>
      <c r="H31" s="21">
        <f t="shared" si="3"/>
        <v>14</v>
      </c>
      <c r="I31" s="21">
        <f t="shared" si="3"/>
        <v>12</v>
      </c>
      <c r="J31" s="21">
        <f t="shared" si="3"/>
        <v>9</v>
      </c>
      <c r="K31" s="21">
        <f t="shared" si="3"/>
        <v>10</v>
      </c>
      <c r="L31" s="21">
        <f t="shared" si="3"/>
        <v>7</v>
      </c>
      <c r="M31" s="21">
        <f t="shared" si="3"/>
        <v>6</v>
      </c>
      <c r="N31" s="21">
        <f t="shared" si="3"/>
        <v>5</v>
      </c>
      <c r="O31" s="21">
        <f t="shared" si="3"/>
        <v>3</v>
      </c>
      <c r="P31" s="21">
        <f t="shared" si="3"/>
        <v>3</v>
      </c>
      <c r="Q31" s="21">
        <f t="shared" si="3"/>
        <v>3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145</v>
      </c>
      <c r="H32" s="22">
        <f t="shared" si="4"/>
        <v>129</v>
      </c>
      <c r="I32" s="22">
        <f t="shared" si="4"/>
        <v>95</v>
      </c>
      <c r="J32" s="22">
        <f t="shared" si="4"/>
        <v>95</v>
      </c>
      <c r="K32" s="22">
        <f t="shared" si="4"/>
        <v>86</v>
      </c>
      <c r="L32" s="22">
        <f t="shared" si="4"/>
        <v>82</v>
      </c>
      <c r="M32" s="22">
        <f t="shared" si="4"/>
        <v>74</v>
      </c>
      <c r="N32" s="22">
        <f t="shared" si="4"/>
        <v>66</v>
      </c>
      <c r="O32" s="22">
        <f t="shared" si="4"/>
        <v>56</v>
      </c>
      <c r="P32" s="22">
        <f t="shared" si="4"/>
        <v>45</v>
      </c>
      <c r="Q32" s="22">
        <f t="shared" si="4"/>
        <v>45</v>
      </c>
    </row>
    <row r="33" spans="1:20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108</v>
      </c>
      <c r="H33" s="23">
        <f t="shared" si="5"/>
        <v>100</v>
      </c>
      <c r="I33" s="23">
        <f t="shared" si="5"/>
        <v>96</v>
      </c>
      <c r="J33" s="23">
        <f t="shared" si="5"/>
        <v>97</v>
      </c>
      <c r="K33" s="23">
        <f t="shared" si="5"/>
        <v>95</v>
      </c>
      <c r="L33" s="23">
        <f t="shared" si="5"/>
        <v>93</v>
      </c>
      <c r="M33" s="23">
        <f t="shared" si="5"/>
        <v>93</v>
      </c>
      <c r="N33" s="23">
        <f t="shared" si="5"/>
        <v>90</v>
      </c>
      <c r="O33" s="23">
        <f t="shared" si="5"/>
        <v>87</v>
      </c>
      <c r="P33" s="23">
        <f t="shared" si="5"/>
        <v>90</v>
      </c>
      <c r="Q33" s="23">
        <f t="shared" si="5"/>
        <v>86</v>
      </c>
    </row>
    <row r="34" spans="1:20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271</v>
      </c>
      <c r="H34" s="24">
        <f>SUM(H31:H33)</f>
        <v>243</v>
      </c>
      <c r="I34" s="24">
        <f t="shared" ref="I34:N34" si="6">SUM(I31:I33)</f>
        <v>203</v>
      </c>
      <c r="J34" s="24">
        <f t="shared" si="6"/>
        <v>201</v>
      </c>
      <c r="K34" s="24">
        <f t="shared" si="6"/>
        <v>191</v>
      </c>
      <c r="L34" s="24">
        <f t="shared" si="6"/>
        <v>182</v>
      </c>
      <c r="M34" s="24">
        <f t="shared" si="6"/>
        <v>173</v>
      </c>
      <c r="N34" s="24">
        <f t="shared" si="6"/>
        <v>161</v>
      </c>
      <c r="O34" s="24">
        <f>SUM(O31:O33)</f>
        <v>146</v>
      </c>
      <c r="P34" s="24">
        <f>SUM(P31:P33)</f>
        <v>138</v>
      </c>
      <c r="Q34" s="24">
        <f>SUM(Q31:Q33)</f>
        <v>134</v>
      </c>
    </row>
    <row r="35" spans="1:20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0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0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0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0" ht="23.25" customHeight="1" x14ac:dyDescent="0.2">
      <c r="A39" s="6" t="s">
        <v>33</v>
      </c>
      <c r="B39" s="71" t="s">
        <v>7</v>
      </c>
      <c r="C39" s="71" t="s">
        <v>7</v>
      </c>
      <c r="D39" s="71" t="s">
        <v>7</v>
      </c>
      <c r="E39" s="71" t="s">
        <v>7</v>
      </c>
      <c r="F39" s="71" t="s">
        <v>7</v>
      </c>
      <c r="G39" s="77">
        <f t="shared" ref="G39:Q39" si="7">ROUND(G31/G34*100,1)</f>
        <v>6.6</v>
      </c>
      <c r="H39" s="77">
        <f t="shared" si="7"/>
        <v>5.8</v>
      </c>
      <c r="I39" s="77">
        <f t="shared" si="7"/>
        <v>5.9</v>
      </c>
      <c r="J39" s="77">
        <f t="shared" si="7"/>
        <v>4.5</v>
      </c>
      <c r="K39" s="77">
        <f t="shared" si="7"/>
        <v>5.2</v>
      </c>
      <c r="L39" s="77">
        <f t="shared" si="7"/>
        <v>3.8</v>
      </c>
      <c r="M39" s="77">
        <f t="shared" si="7"/>
        <v>3.5</v>
      </c>
      <c r="N39" s="77">
        <f t="shared" si="7"/>
        <v>3.1</v>
      </c>
      <c r="O39" s="77">
        <f t="shared" si="7"/>
        <v>2.1</v>
      </c>
      <c r="P39" s="77">
        <f t="shared" si="7"/>
        <v>2.2000000000000002</v>
      </c>
      <c r="Q39" s="77">
        <f t="shared" si="7"/>
        <v>2.2000000000000002</v>
      </c>
    </row>
    <row r="40" spans="1:20" ht="23.25" customHeight="1" x14ac:dyDescent="0.2">
      <c r="A40" s="9" t="s">
        <v>34</v>
      </c>
      <c r="B40" s="73" t="s">
        <v>7</v>
      </c>
      <c r="C40" s="73" t="s">
        <v>7</v>
      </c>
      <c r="D40" s="73" t="s">
        <v>7</v>
      </c>
      <c r="E40" s="73" t="s">
        <v>7</v>
      </c>
      <c r="F40" s="73" t="s">
        <v>7</v>
      </c>
      <c r="G40" s="78">
        <f t="shared" ref="G40:Q40" si="8">ROUND(G32/G34*100,1)</f>
        <v>53.5</v>
      </c>
      <c r="H40" s="78">
        <f t="shared" si="8"/>
        <v>53.1</v>
      </c>
      <c r="I40" s="78">
        <f t="shared" si="8"/>
        <v>46.8</v>
      </c>
      <c r="J40" s="78">
        <f t="shared" si="8"/>
        <v>47.3</v>
      </c>
      <c r="K40" s="78">
        <f t="shared" si="8"/>
        <v>45</v>
      </c>
      <c r="L40" s="78">
        <f t="shared" si="8"/>
        <v>45.1</v>
      </c>
      <c r="M40" s="78">
        <f t="shared" si="8"/>
        <v>42.8</v>
      </c>
      <c r="N40" s="78">
        <f t="shared" si="8"/>
        <v>41</v>
      </c>
      <c r="O40" s="78">
        <f t="shared" si="8"/>
        <v>38.4</v>
      </c>
      <c r="P40" s="78">
        <f t="shared" si="8"/>
        <v>32.6</v>
      </c>
      <c r="Q40" s="78">
        <f t="shared" si="8"/>
        <v>33.6</v>
      </c>
    </row>
    <row r="41" spans="1:20" ht="23.25" customHeight="1" x14ac:dyDescent="0.2">
      <c r="A41" s="12" t="s">
        <v>35</v>
      </c>
      <c r="B41" s="75" t="s">
        <v>7</v>
      </c>
      <c r="C41" s="75" t="s">
        <v>7</v>
      </c>
      <c r="D41" s="75" t="s">
        <v>7</v>
      </c>
      <c r="E41" s="75" t="s">
        <v>7</v>
      </c>
      <c r="F41" s="75" t="s">
        <v>7</v>
      </c>
      <c r="G41" s="79">
        <f t="shared" ref="G41:Q41" si="9">ROUND(G33/G34*100,1)</f>
        <v>39.9</v>
      </c>
      <c r="H41" s="79">
        <f t="shared" si="9"/>
        <v>41.2</v>
      </c>
      <c r="I41" s="79">
        <f t="shared" si="9"/>
        <v>47.3</v>
      </c>
      <c r="J41" s="79">
        <f t="shared" si="9"/>
        <v>48.3</v>
      </c>
      <c r="K41" s="79">
        <f t="shared" si="9"/>
        <v>49.7</v>
      </c>
      <c r="L41" s="79">
        <f t="shared" si="9"/>
        <v>51.1</v>
      </c>
      <c r="M41" s="79">
        <f t="shared" si="9"/>
        <v>53.8</v>
      </c>
      <c r="N41" s="79">
        <f t="shared" si="9"/>
        <v>55.9</v>
      </c>
      <c r="O41" s="79">
        <f t="shared" si="9"/>
        <v>59.6</v>
      </c>
      <c r="P41" s="79">
        <f t="shared" si="9"/>
        <v>65.2</v>
      </c>
      <c r="Q41" s="79">
        <f t="shared" si="9"/>
        <v>64.2</v>
      </c>
    </row>
    <row r="42" spans="1:20" ht="23.25" customHeight="1" x14ac:dyDescent="0.2">
      <c r="A42" s="5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0" ht="23.25" customHeight="1" x14ac:dyDescent="0.2">
      <c r="A43" s="5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0" ht="23.25" customHeight="1" x14ac:dyDescent="0.2">
      <c r="A44" s="5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0" ht="23.25" customHeight="1" x14ac:dyDescent="0.2">
      <c r="A45" s="5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0" ht="23.25" customHeight="1" x14ac:dyDescent="0.2">
      <c r="A46" s="5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0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0" ht="23.25" customHeight="1" thickTop="1" x14ac:dyDescent="0.2">
      <c r="A48" s="4"/>
      <c r="B48" s="4"/>
      <c r="C48" s="60" t="s">
        <v>39</v>
      </c>
      <c r="D48" s="61"/>
      <c r="E48" s="61"/>
      <c r="F48" s="62"/>
      <c r="J48" s="60" t="s">
        <v>40</v>
      </c>
      <c r="K48" s="61"/>
      <c r="L48" s="61"/>
      <c r="M48" s="61"/>
      <c r="N48" s="61"/>
      <c r="O48" s="62"/>
      <c r="P48" s="4"/>
      <c r="Q48" s="4"/>
      <c r="R48" s="4"/>
      <c r="S48" s="4"/>
      <c r="T48" s="4"/>
    </row>
    <row r="49" spans="1:20" ht="23.25" customHeight="1" thickBot="1" x14ac:dyDescent="0.25">
      <c r="A49" s="4"/>
      <c r="B49" s="4"/>
      <c r="C49" s="63"/>
      <c r="D49" s="64"/>
      <c r="E49" s="64"/>
      <c r="F49" s="65"/>
      <c r="J49" s="63"/>
      <c r="K49" s="64"/>
      <c r="L49" s="64"/>
      <c r="M49" s="64"/>
      <c r="N49" s="64"/>
      <c r="O49" s="65"/>
      <c r="P49" s="4"/>
      <c r="Q49" s="4"/>
      <c r="R49" s="4"/>
      <c r="S49" s="4"/>
      <c r="T49" s="4"/>
    </row>
    <row r="50" spans="1:20" ht="23.25" customHeight="1" thickTop="1" x14ac:dyDescent="0.25">
      <c r="A50" s="4"/>
      <c r="B50" s="4"/>
      <c r="C50" s="66"/>
      <c r="D50" s="66"/>
      <c r="E50" s="66"/>
      <c r="F50" s="4"/>
      <c r="L50" s="67"/>
      <c r="M50" s="67"/>
      <c r="N50" s="67"/>
      <c r="O50" s="4"/>
      <c r="P50" s="4"/>
      <c r="Q50" s="4"/>
      <c r="R50" s="4"/>
      <c r="S50" s="68"/>
      <c r="T50" s="4"/>
    </row>
    <row r="51" spans="1:20" ht="23.25" customHeight="1" x14ac:dyDescent="0.25">
      <c r="A51" s="4"/>
      <c r="B51" s="68"/>
      <c r="C51" s="68"/>
      <c r="D51" s="68"/>
      <c r="E51" s="68"/>
      <c r="F51" s="67"/>
      <c r="G51" s="67"/>
      <c r="H51" s="67"/>
      <c r="I51" s="67"/>
      <c r="J51" s="67"/>
      <c r="K51" s="67"/>
      <c r="L51" s="67"/>
      <c r="M51" s="67"/>
      <c r="N51" s="67"/>
      <c r="O51" s="4"/>
      <c r="P51" s="4"/>
      <c r="Q51" s="4"/>
      <c r="R51" s="4"/>
      <c r="S51" s="68"/>
      <c r="T51" s="4"/>
    </row>
    <row r="52" spans="1:20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0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0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69"/>
      <c r="O54" s="4"/>
      <c r="P54" s="4"/>
      <c r="Q54" s="4"/>
      <c r="R54" s="4"/>
      <c r="S54" s="4"/>
      <c r="T54" s="4"/>
    </row>
    <row r="55" spans="1:20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0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0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0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0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0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0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0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0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0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66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0</v>
      </c>
      <c r="H84" s="8">
        <v>0</v>
      </c>
      <c r="I84" s="8">
        <v>0</v>
      </c>
      <c r="J84" s="8">
        <v>0</v>
      </c>
      <c r="K84" s="8">
        <v>0</v>
      </c>
      <c r="L84" s="8">
        <v>0</v>
      </c>
      <c r="M84" s="8">
        <v>0</v>
      </c>
      <c r="N84" s="21">
        <v>0</v>
      </c>
      <c r="O84" s="21">
        <v>0</v>
      </c>
      <c r="P84" s="21">
        <v>0</v>
      </c>
      <c r="Q84" s="21">
        <v>0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2</v>
      </c>
      <c r="H85" s="8">
        <v>4</v>
      </c>
      <c r="I85" s="8">
        <v>0</v>
      </c>
      <c r="J85" s="8">
        <v>0</v>
      </c>
      <c r="K85" s="8">
        <v>0</v>
      </c>
      <c r="L85" s="8">
        <v>0</v>
      </c>
      <c r="M85" s="8">
        <v>0</v>
      </c>
      <c r="N85" s="21">
        <v>0</v>
      </c>
      <c r="O85" s="21">
        <v>0</v>
      </c>
      <c r="P85" s="21">
        <v>0</v>
      </c>
      <c r="Q85" s="21">
        <v>0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4</v>
      </c>
      <c r="H86" s="8">
        <v>2</v>
      </c>
      <c r="I86" s="8">
        <v>4</v>
      </c>
      <c r="J86" s="8">
        <v>3</v>
      </c>
      <c r="K86" s="8">
        <v>3</v>
      </c>
      <c r="L86" s="8">
        <v>1</v>
      </c>
      <c r="M86" s="8">
        <v>1</v>
      </c>
      <c r="N86" s="21">
        <v>0</v>
      </c>
      <c r="O86" s="21">
        <v>0</v>
      </c>
      <c r="P86" s="21">
        <v>0</v>
      </c>
      <c r="Q86" s="21">
        <v>0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9</v>
      </c>
      <c r="H87" s="11">
        <v>4</v>
      </c>
      <c r="I87" s="11">
        <v>2</v>
      </c>
      <c r="J87" s="11">
        <v>3</v>
      </c>
      <c r="K87" s="11">
        <v>3</v>
      </c>
      <c r="L87" s="11">
        <v>3</v>
      </c>
      <c r="M87" s="11">
        <v>2</v>
      </c>
      <c r="N87" s="22">
        <v>2</v>
      </c>
      <c r="O87" s="22">
        <v>2</v>
      </c>
      <c r="P87" s="22">
        <v>1</v>
      </c>
      <c r="Q87" s="22">
        <v>1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11</v>
      </c>
      <c r="H88" s="11">
        <v>8</v>
      </c>
      <c r="I88" s="11">
        <v>3</v>
      </c>
      <c r="J88" s="11">
        <v>3</v>
      </c>
      <c r="K88" s="11">
        <v>2</v>
      </c>
      <c r="L88" s="11">
        <v>2</v>
      </c>
      <c r="M88" s="11">
        <v>1</v>
      </c>
      <c r="N88" s="22">
        <v>2</v>
      </c>
      <c r="O88" s="22">
        <v>1</v>
      </c>
      <c r="P88" s="22">
        <v>1</v>
      </c>
      <c r="Q88" s="22">
        <v>1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5</v>
      </c>
      <c r="H89" s="11">
        <v>9</v>
      </c>
      <c r="I89" s="11">
        <v>7</v>
      </c>
      <c r="J89" s="11">
        <v>6</v>
      </c>
      <c r="K89" s="11">
        <v>3</v>
      </c>
      <c r="L89" s="11">
        <v>3</v>
      </c>
      <c r="M89" s="11">
        <v>3</v>
      </c>
      <c r="N89" s="22">
        <v>2</v>
      </c>
      <c r="O89" s="22">
        <v>3</v>
      </c>
      <c r="P89" s="22">
        <v>1</v>
      </c>
      <c r="Q89" s="22">
        <v>1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4</v>
      </c>
      <c r="H90" s="11">
        <v>6</v>
      </c>
      <c r="I90" s="11">
        <v>6</v>
      </c>
      <c r="J90" s="11">
        <v>7</v>
      </c>
      <c r="K90" s="11">
        <v>5</v>
      </c>
      <c r="L90" s="11">
        <v>5</v>
      </c>
      <c r="M90" s="11">
        <v>6</v>
      </c>
      <c r="N90" s="22">
        <v>4</v>
      </c>
      <c r="O90" s="22">
        <v>3</v>
      </c>
      <c r="P90" s="22">
        <v>2</v>
      </c>
      <c r="Q90" s="22">
        <v>2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5</v>
      </c>
      <c r="H91" s="11">
        <v>2</v>
      </c>
      <c r="I91" s="11">
        <v>4</v>
      </c>
      <c r="J91" s="11">
        <v>4</v>
      </c>
      <c r="K91" s="11">
        <v>7</v>
      </c>
      <c r="L91" s="11">
        <v>7</v>
      </c>
      <c r="M91" s="11">
        <v>6</v>
      </c>
      <c r="N91" s="22">
        <v>5</v>
      </c>
      <c r="O91" s="22">
        <v>5</v>
      </c>
      <c r="P91" s="22">
        <v>4</v>
      </c>
      <c r="Q91" s="22">
        <v>4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7</v>
      </c>
      <c r="H92" s="11">
        <v>3</v>
      </c>
      <c r="I92" s="11">
        <v>2</v>
      </c>
      <c r="J92" s="11">
        <v>2</v>
      </c>
      <c r="K92" s="11">
        <v>1</v>
      </c>
      <c r="L92" s="11">
        <v>0</v>
      </c>
      <c r="M92" s="11">
        <v>2</v>
      </c>
      <c r="N92" s="22">
        <v>4</v>
      </c>
      <c r="O92" s="22">
        <v>4</v>
      </c>
      <c r="P92" s="22">
        <v>6</v>
      </c>
      <c r="Q92" s="22">
        <v>6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5</v>
      </c>
      <c r="H93" s="11">
        <v>7</v>
      </c>
      <c r="I93" s="11">
        <v>2</v>
      </c>
      <c r="J93" s="11">
        <v>2</v>
      </c>
      <c r="K93" s="11">
        <v>1</v>
      </c>
      <c r="L93" s="11">
        <v>1</v>
      </c>
      <c r="M93" s="11">
        <v>1</v>
      </c>
      <c r="N93" s="22">
        <v>0</v>
      </c>
      <c r="O93" s="22">
        <v>0</v>
      </c>
      <c r="P93" s="22">
        <v>0</v>
      </c>
      <c r="Q93" s="22">
        <v>0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0</v>
      </c>
      <c r="H94" s="11">
        <v>5</v>
      </c>
      <c r="I94" s="11">
        <v>7</v>
      </c>
      <c r="J94" s="11">
        <v>5</v>
      </c>
      <c r="K94" s="11">
        <v>5</v>
      </c>
      <c r="L94" s="11">
        <v>4</v>
      </c>
      <c r="M94" s="11">
        <v>3</v>
      </c>
      <c r="N94" s="22">
        <v>2</v>
      </c>
      <c r="O94" s="22">
        <v>2</v>
      </c>
      <c r="P94" s="22">
        <v>0</v>
      </c>
      <c r="Q94" s="22">
        <v>0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16</v>
      </c>
      <c r="H95" s="11">
        <v>10</v>
      </c>
      <c r="I95" s="11">
        <v>6</v>
      </c>
      <c r="J95" s="11">
        <v>8</v>
      </c>
      <c r="K95" s="11">
        <v>7</v>
      </c>
      <c r="L95" s="11">
        <v>8</v>
      </c>
      <c r="M95" s="11">
        <v>6</v>
      </c>
      <c r="N95" s="22">
        <v>5</v>
      </c>
      <c r="O95" s="22">
        <v>4</v>
      </c>
      <c r="P95" s="22">
        <v>5</v>
      </c>
      <c r="Q95" s="22">
        <v>4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7</v>
      </c>
      <c r="H96" s="11">
        <v>15</v>
      </c>
      <c r="I96" s="11">
        <v>11</v>
      </c>
      <c r="J96" s="11">
        <v>7</v>
      </c>
      <c r="K96" s="11">
        <v>7</v>
      </c>
      <c r="L96" s="11">
        <v>4</v>
      </c>
      <c r="M96" s="11">
        <v>4</v>
      </c>
      <c r="N96" s="22">
        <v>6</v>
      </c>
      <c r="O96" s="22">
        <v>7</v>
      </c>
      <c r="P96" s="22">
        <v>6</v>
      </c>
      <c r="Q96" s="22">
        <v>7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6</v>
      </c>
      <c r="H97" s="14">
        <v>7</v>
      </c>
      <c r="I97" s="14">
        <v>13</v>
      </c>
      <c r="J97" s="14">
        <v>16</v>
      </c>
      <c r="K97" s="14">
        <v>15</v>
      </c>
      <c r="L97" s="14">
        <v>13</v>
      </c>
      <c r="M97" s="14">
        <v>12</v>
      </c>
      <c r="N97" s="23">
        <v>8</v>
      </c>
      <c r="O97" s="23">
        <v>6</v>
      </c>
      <c r="P97" s="23">
        <v>6</v>
      </c>
      <c r="Q97" s="23">
        <v>4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17</v>
      </c>
      <c r="H98" s="14">
        <v>15</v>
      </c>
      <c r="I98" s="14">
        <v>5</v>
      </c>
      <c r="J98" s="14">
        <v>4</v>
      </c>
      <c r="K98" s="14">
        <v>6</v>
      </c>
      <c r="L98" s="14">
        <v>8</v>
      </c>
      <c r="M98" s="14">
        <v>10</v>
      </c>
      <c r="N98" s="23">
        <v>13</v>
      </c>
      <c r="O98" s="23">
        <v>14</v>
      </c>
      <c r="P98" s="23">
        <v>14</v>
      </c>
      <c r="Q98" s="23">
        <v>12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8</v>
      </c>
      <c r="H99" s="14">
        <v>12</v>
      </c>
      <c r="I99" s="14">
        <v>11</v>
      </c>
      <c r="J99" s="14">
        <v>8</v>
      </c>
      <c r="K99" s="14">
        <v>5</v>
      </c>
      <c r="L99" s="14">
        <v>4</v>
      </c>
      <c r="M99" s="14">
        <v>5</v>
      </c>
      <c r="N99" s="23">
        <v>4</v>
      </c>
      <c r="O99" s="23">
        <v>5</v>
      </c>
      <c r="P99" s="23">
        <v>7</v>
      </c>
      <c r="Q99" s="23">
        <v>9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9</v>
      </c>
      <c r="H100" s="14">
        <v>6</v>
      </c>
      <c r="I100" s="14">
        <v>5</v>
      </c>
      <c r="J100" s="14">
        <v>8</v>
      </c>
      <c r="K100" s="14">
        <v>9</v>
      </c>
      <c r="L100" s="14">
        <v>11</v>
      </c>
      <c r="M100" s="14">
        <v>9</v>
      </c>
      <c r="N100" s="23">
        <v>10</v>
      </c>
      <c r="O100" s="23">
        <v>7</v>
      </c>
      <c r="P100" s="23">
        <v>4</v>
      </c>
      <c r="Q100" s="23">
        <v>4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2</v>
      </c>
      <c r="H101" s="14">
        <v>5</v>
      </c>
      <c r="I101" s="14">
        <v>4</v>
      </c>
      <c r="J101" s="14">
        <v>3</v>
      </c>
      <c r="K101" s="14">
        <v>3</v>
      </c>
      <c r="L101" s="14">
        <v>3</v>
      </c>
      <c r="M101" s="14">
        <v>5</v>
      </c>
      <c r="N101" s="23">
        <v>3</v>
      </c>
      <c r="O101" s="23">
        <v>3</v>
      </c>
      <c r="P101" s="23">
        <v>5</v>
      </c>
      <c r="Q101" s="23">
        <v>6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0</v>
      </c>
      <c r="H102" s="14">
        <v>1</v>
      </c>
      <c r="I102" s="14">
        <v>3</v>
      </c>
      <c r="J102" s="14">
        <v>3</v>
      </c>
      <c r="K102" s="14">
        <v>1</v>
      </c>
      <c r="L102" s="14">
        <v>1</v>
      </c>
      <c r="M102" s="14">
        <v>0</v>
      </c>
      <c r="N102" s="23">
        <v>0</v>
      </c>
      <c r="O102" s="23">
        <v>0</v>
      </c>
      <c r="P102" s="23">
        <v>1</v>
      </c>
      <c r="Q102" s="23">
        <v>1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0</v>
      </c>
      <c r="I103" s="14">
        <v>0</v>
      </c>
      <c r="J103" s="14">
        <v>1</v>
      </c>
      <c r="K103" s="14">
        <v>1</v>
      </c>
      <c r="L103" s="14">
        <v>1</v>
      </c>
      <c r="M103" s="14">
        <v>1</v>
      </c>
      <c r="N103" s="23">
        <v>0</v>
      </c>
      <c r="O103" s="23">
        <v>0</v>
      </c>
      <c r="P103" s="23">
        <v>0</v>
      </c>
      <c r="Q103" s="23">
        <v>0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37</v>
      </c>
      <c r="H105" s="17">
        <f t="shared" ref="H105:N105" si="10">SUM(H84:H104)</f>
        <v>121</v>
      </c>
      <c r="I105" s="17">
        <f t="shared" si="10"/>
        <v>95</v>
      </c>
      <c r="J105" s="17">
        <f t="shared" si="10"/>
        <v>93</v>
      </c>
      <c r="K105" s="17">
        <f t="shared" si="10"/>
        <v>84</v>
      </c>
      <c r="L105" s="17">
        <f t="shared" si="10"/>
        <v>79</v>
      </c>
      <c r="M105" s="17">
        <f t="shared" si="10"/>
        <v>77</v>
      </c>
      <c r="N105" s="17">
        <f t="shared" si="10"/>
        <v>70</v>
      </c>
      <c r="O105" s="17">
        <f>SUM(O84:O104)</f>
        <v>66</v>
      </c>
      <c r="P105" s="17">
        <f>SUM(P84:P104)</f>
        <v>63</v>
      </c>
      <c r="Q105" s="17">
        <f>SUM(Q84:Q104)</f>
        <v>62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6</v>
      </c>
      <c r="H110" s="8">
        <f t="shared" si="11"/>
        <v>6</v>
      </c>
      <c r="I110" s="8">
        <f t="shared" si="11"/>
        <v>4</v>
      </c>
      <c r="J110" s="8">
        <f t="shared" si="11"/>
        <v>3</v>
      </c>
      <c r="K110" s="8">
        <f t="shared" si="11"/>
        <v>3</v>
      </c>
      <c r="L110" s="8">
        <f t="shared" si="11"/>
        <v>1</v>
      </c>
      <c r="M110" s="8">
        <f t="shared" si="11"/>
        <v>1</v>
      </c>
      <c r="N110" s="8">
        <f t="shared" si="11"/>
        <v>0</v>
      </c>
      <c r="O110" s="8">
        <f t="shared" si="11"/>
        <v>0</v>
      </c>
      <c r="P110" s="8">
        <f t="shared" si="11"/>
        <v>0</v>
      </c>
      <c r="Q110" s="8">
        <v>0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79</v>
      </c>
      <c r="H111" s="11">
        <f t="shared" si="12"/>
        <v>69</v>
      </c>
      <c r="I111" s="11">
        <f t="shared" si="12"/>
        <v>50</v>
      </c>
      <c r="J111" s="11">
        <f t="shared" si="12"/>
        <v>47</v>
      </c>
      <c r="K111" s="11">
        <f t="shared" si="12"/>
        <v>41</v>
      </c>
      <c r="L111" s="11">
        <f t="shared" si="12"/>
        <v>37</v>
      </c>
      <c r="M111" s="11">
        <f t="shared" si="12"/>
        <v>34</v>
      </c>
      <c r="N111" s="11">
        <f t="shared" si="12"/>
        <v>32</v>
      </c>
      <c r="O111" s="11">
        <f t="shared" si="12"/>
        <v>31</v>
      </c>
      <c r="P111" s="11">
        <f t="shared" si="12"/>
        <v>26</v>
      </c>
      <c r="Q111" s="11">
        <v>26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52</v>
      </c>
      <c r="H112" s="14">
        <f t="shared" si="13"/>
        <v>46</v>
      </c>
      <c r="I112" s="14">
        <f t="shared" si="13"/>
        <v>41</v>
      </c>
      <c r="J112" s="14">
        <f t="shared" si="13"/>
        <v>43</v>
      </c>
      <c r="K112" s="14">
        <f t="shared" si="13"/>
        <v>40</v>
      </c>
      <c r="L112" s="14">
        <f t="shared" si="13"/>
        <v>41</v>
      </c>
      <c r="M112" s="14">
        <f t="shared" si="13"/>
        <v>42</v>
      </c>
      <c r="N112" s="14">
        <f t="shared" si="13"/>
        <v>38</v>
      </c>
      <c r="O112" s="14">
        <f t="shared" si="13"/>
        <v>35</v>
      </c>
      <c r="P112" s="14">
        <f t="shared" si="13"/>
        <v>37</v>
      </c>
      <c r="Q112" s="14">
        <v>36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37</v>
      </c>
      <c r="H113" s="17">
        <f t="shared" ref="H113:N113" si="14">SUM(H110:H112)</f>
        <v>121</v>
      </c>
      <c r="I113" s="17">
        <f t="shared" si="14"/>
        <v>95</v>
      </c>
      <c r="J113" s="17">
        <f t="shared" si="14"/>
        <v>93</v>
      </c>
      <c r="K113" s="17">
        <f t="shared" si="14"/>
        <v>84</v>
      </c>
      <c r="L113" s="17">
        <f t="shared" si="14"/>
        <v>79</v>
      </c>
      <c r="M113" s="17">
        <f t="shared" si="14"/>
        <v>77</v>
      </c>
      <c r="N113" s="17">
        <f t="shared" si="14"/>
        <v>70</v>
      </c>
      <c r="O113" s="17">
        <f>SUM(O110:O112)</f>
        <v>66</v>
      </c>
      <c r="P113" s="17">
        <f>SUM(P110:P112)</f>
        <v>63</v>
      </c>
      <c r="Q113" s="17">
        <f>SUM(Q110:Q112)</f>
        <v>62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71" t="s">
        <v>7</v>
      </c>
      <c r="C118" s="71" t="s">
        <v>7</v>
      </c>
      <c r="D118" s="71" t="s">
        <v>7</v>
      </c>
      <c r="E118" s="71" t="s">
        <v>7</v>
      </c>
      <c r="F118" s="71" t="s">
        <v>7</v>
      </c>
      <c r="G118" s="72">
        <f t="shared" ref="G118:Q118" si="15">ROUND(G110/G113*100,1)</f>
        <v>4.4000000000000004</v>
      </c>
      <c r="H118" s="72">
        <f t="shared" si="15"/>
        <v>5</v>
      </c>
      <c r="I118" s="72">
        <f t="shared" si="15"/>
        <v>4.2</v>
      </c>
      <c r="J118" s="72">
        <f t="shared" si="15"/>
        <v>3.2</v>
      </c>
      <c r="K118" s="72">
        <f t="shared" si="15"/>
        <v>3.6</v>
      </c>
      <c r="L118" s="72">
        <f t="shared" si="15"/>
        <v>1.3</v>
      </c>
      <c r="M118" s="72">
        <f t="shared" si="15"/>
        <v>1.3</v>
      </c>
      <c r="N118" s="72">
        <f t="shared" si="15"/>
        <v>0</v>
      </c>
      <c r="O118" s="72">
        <f t="shared" si="15"/>
        <v>0</v>
      </c>
      <c r="P118" s="72">
        <f t="shared" si="15"/>
        <v>0</v>
      </c>
      <c r="Q118" s="72">
        <f t="shared" si="15"/>
        <v>0</v>
      </c>
    </row>
    <row r="119" spans="1:17" ht="21.75" customHeight="1" x14ac:dyDescent="0.2">
      <c r="A119" s="9" t="s">
        <v>34</v>
      </c>
      <c r="B119" s="73" t="s">
        <v>7</v>
      </c>
      <c r="C119" s="73" t="s">
        <v>7</v>
      </c>
      <c r="D119" s="73" t="s">
        <v>7</v>
      </c>
      <c r="E119" s="73" t="s">
        <v>7</v>
      </c>
      <c r="F119" s="73" t="s">
        <v>7</v>
      </c>
      <c r="G119" s="74">
        <f t="shared" ref="G119:Q119" si="16">ROUND(G111/G113*100,1)</f>
        <v>57.7</v>
      </c>
      <c r="H119" s="74">
        <f t="shared" si="16"/>
        <v>57</v>
      </c>
      <c r="I119" s="74">
        <f t="shared" si="16"/>
        <v>52.6</v>
      </c>
      <c r="J119" s="74">
        <f t="shared" si="16"/>
        <v>50.5</v>
      </c>
      <c r="K119" s="74">
        <f t="shared" si="16"/>
        <v>48.8</v>
      </c>
      <c r="L119" s="74">
        <f t="shared" si="16"/>
        <v>46.8</v>
      </c>
      <c r="M119" s="74">
        <f t="shared" si="16"/>
        <v>44.2</v>
      </c>
      <c r="N119" s="74">
        <f t="shared" si="16"/>
        <v>45.7</v>
      </c>
      <c r="O119" s="74">
        <f t="shared" si="16"/>
        <v>47</v>
      </c>
      <c r="P119" s="74">
        <f t="shared" si="16"/>
        <v>41.3</v>
      </c>
      <c r="Q119" s="74">
        <f t="shared" si="16"/>
        <v>41.9</v>
      </c>
    </row>
    <row r="120" spans="1:17" ht="21.75" customHeight="1" x14ac:dyDescent="0.2">
      <c r="A120" s="12" t="s">
        <v>35</v>
      </c>
      <c r="B120" s="75" t="s">
        <v>7</v>
      </c>
      <c r="C120" s="75" t="s">
        <v>7</v>
      </c>
      <c r="D120" s="75" t="s">
        <v>7</v>
      </c>
      <c r="E120" s="75" t="s">
        <v>7</v>
      </c>
      <c r="F120" s="75" t="s">
        <v>7</v>
      </c>
      <c r="G120" s="76">
        <f t="shared" ref="G120:Q120" si="17">ROUND(G112/G113*100,1)</f>
        <v>38</v>
      </c>
      <c r="H120" s="76">
        <f t="shared" si="17"/>
        <v>38</v>
      </c>
      <c r="I120" s="76">
        <f t="shared" si="17"/>
        <v>43.2</v>
      </c>
      <c r="J120" s="76">
        <f t="shared" si="17"/>
        <v>46.2</v>
      </c>
      <c r="K120" s="76">
        <f t="shared" si="17"/>
        <v>47.6</v>
      </c>
      <c r="L120" s="76">
        <f t="shared" si="17"/>
        <v>51.9</v>
      </c>
      <c r="M120" s="76">
        <f t="shared" si="17"/>
        <v>54.5</v>
      </c>
      <c r="N120" s="76">
        <f t="shared" si="17"/>
        <v>54.3</v>
      </c>
      <c r="O120" s="76">
        <f t="shared" si="17"/>
        <v>53</v>
      </c>
      <c r="P120" s="76">
        <f t="shared" si="17"/>
        <v>58.7</v>
      </c>
      <c r="Q120" s="76">
        <f t="shared" si="17"/>
        <v>58.1</v>
      </c>
    </row>
    <row r="121" spans="1:17" ht="21.75" customHeight="1" x14ac:dyDescent="0.35">
      <c r="A121" s="5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5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5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5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5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5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67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2</v>
      </c>
      <c r="H130" s="8">
        <v>1</v>
      </c>
      <c r="I130" s="8">
        <v>4</v>
      </c>
      <c r="J130" s="8">
        <v>3</v>
      </c>
      <c r="K130" s="8">
        <v>4</v>
      </c>
      <c r="L130" s="8">
        <v>2</v>
      </c>
      <c r="M130" s="8">
        <v>2</v>
      </c>
      <c r="N130" s="21">
        <v>1</v>
      </c>
      <c r="O130" s="21">
        <v>0</v>
      </c>
      <c r="P130" s="21">
        <v>0</v>
      </c>
      <c r="Q130" s="21">
        <v>0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5</v>
      </c>
      <c r="H131" s="8">
        <v>2</v>
      </c>
      <c r="I131" s="8">
        <v>1</v>
      </c>
      <c r="J131" s="8">
        <v>1</v>
      </c>
      <c r="K131" s="8">
        <v>1</v>
      </c>
      <c r="L131" s="8">
        <v>3</v>
      </c>
      <c r="M131" s="8">
        <v>3</v>
      </c>
      <c r="N131" s="21">
        <v>4</v>
      </c>
      <c r="O131" s="21">
        <v>2</v>
      </c>
      <c r="P131" s="21">
        <v>2</v>
      </c>
      <c r="Q131" s="21">
        <v>1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5</v>
      </c>
      <c r="H132" s="8">
        <v>5</v>
      </c>
      <c r="I132" s="8">
        <v>3</v>
      </c>
      <c r="J132" s="8">
        <v>2</v>
      </c>
      <c r="K132" s="8">
        <v>2</v>
      </c>
      <c r="L132" s="8">
        <v>1</v>
      </c>
      <c r="M132" s="8">
        <v>0</v>
      </c>
      <c r="N132" s="21">
        <v>0</v>
      </c>
      <c r="O132" s="21">
        <v>1</v>
      </c>
      <c r="P132" s="21">
        <v>1</v>
      </c>
      <c r="Q132" s="21">
        <v>2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6</v>
      </c>
      <c r="H133" s="11">
        <v>3</v>
      </c>
      <c r="I133" s="11">
        <v>5</v>
      </c>
      <c r="J133" s="11">
        <v>4</v>
      </c>
      <c r="K133" s="11">
        <v>3</v>
      </c>
      <c r="L133" s="11">
        <v>3</v>
      </c>
      <c r="M133" s="11">
        <v>3</v>
      </c>
      <c r="N133" s="22">
        <v>2</v>
      </c>
      <c r="O133" s="22">
        <v>1</v>
      </c>
      <c r="P133" s="22">
        <v>1</v>
      </c>
      <c r="Q133" s="22">
        <v>0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1</v>
      </c>
      <c r="H134" s="11">
        <v>4</v>
      </c>
      <c r="I134" s="11">
        <v>4</v>
      </c>
      <c r="J134" s="11">
        <v>7</v>
      </c>
      <c r="K134" s="11">
        <v>6</v>
      </c>
      <c r="L134" s="11">
        <v>7</v>
      </c>
      <c r="M134" s="11">
        <v>4</v>
      </c>
      <c r="N134" s="22">
        <v>3</v>
      </c>
      <c r="O134" s="22">
        <v>1</v>
      </c>
      <c r="P134" s="22">
        <v>1</v>
      </c>
      <c r="Q134" s="22">
        <v>2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1</v>
      </c>
      <c r="H135" s="11">
        <v>9</v>
      </c>
      <c r="I135" s="11">
        <v>2</v>
      </c>
      <c r="J135" s="11">
        <v>1</v>
      </c>
      <c r="K135" s="11">
        <v>3</v>
      </c>
      <c r="L135" s="11">
        <v>3</v>
      </c>
      <c r="M135" s="11">
        <v>2</v>
      </c>
      <c r="N135" s="22">
        <v>2</v>
      </c>
      <c r="O135" s="22">
        <v>3</v>
      </c>
      <c r="P135" s="22">
        <v>0</v>
      </c>
      <c r="Q135" s="22">
        <v>0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1</v>
      </c>
      <c r="H136" s="11">
        <v>4</v>
      </c>
      <c r="I136" s="11">
        <v>4</v>
      </c>
      <c r="J136" s="11">
        <v>3</v>
      </c>
      <c r="K136" s="11">
        <v>3</v>
      </c>
      <c r="L136" s="11">
        <v>2</v>
      </c>
      <c r="M136" s="11">
        <v>2</v>
      </c>
      <c r="N136" s="22">
        <v>2</v>
      </c>
      <c r="O136" s="22">
        <v>1</v>
      </c>
      <c r="P136" s="22">
        <v>3</v>
      </c>
      <c r="Q136" s="22">
        <v>3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5</v>
      </c>
      <c r="H137" s="11">
        <v>1</v>
      </c>
      <c r="I137" s="11">
        <v>1</v>
      </c>
      <c r="J137" s="11">
        <v>3</v>
      </c>
      <c r="K137" s="11">
        <v>3</v>
      </c>
      <c r="L137" s="11">
        <v>3</v>
      </c>
      <c r="M137" s="11">
        <v>4</v>
      </c>
      <c r="N137" s="22">
        <v>4</v>
      </c>
      <c r="O137" s="22">
        <v>2</v>
      </c>
      <c r="P137" s="22">
        <v>1</v>
      </c>
      <c r="Q137" s="22">
        <v>0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5</v>
      </c>
      <c r="H138" s="11">
        <v>5</v>
      </c>
      <c r="I138" s="11">
        <v>1</v>
      </c>
      <c r="J138" s="11">
        <v>1</v>
      </c>
      <c r="K138" s="11">
        <v>1</v>
      </c>
      <c r="L138" s="11">
        <v>2</v>
      </c>
      <c r="M138" s="11">
        <v>2</v>
      </c>
      <c r="N138" s="22">
        <v>2</v>
      </c>
      <c r="O138" s="22">
        <v>2</v>
      </c>
      <c r="P138" s="22">
        <v>2</v>
      </c>
      <c r="Q138" s="22">
        <v>2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13</v>
      </c>
      <c r="H139" s="11">
        <v>5</v>
      </c>
      <c r="I139" s="11">
        <v>5</v>
      </c>
      <c r="J139" s="11">
        <v>4</v>
      </c>
      <c r="K139" s="11">
        <v>3</v>
      </c>
      <c r="L139" s="11">
        <v>3</v>
      </c>
      <c r="M139" s="11">
        <v>2</v>
      </c>
      <c r="N139" s="22">
        <v>0</v>
      </c>
      <c r="O139" s="22">
        <v>1</v>
      </c>
      <c r="P139" s="22">
        <v>1</v>
      </c>
      <c r="Q139" s="22">
        <v>2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6</v>
      </c>
      <c r="H140" s="11">
        <v>12</v>
      </c>
      <c r="I140" s="11">
        <v>6</v>
      </c>
      <c r="J140" s="11">
        <v>5</v>
      </c>
      <c r="K140" s="11">
        <v>6</v>
      </c>
      <c r="L140" s="11">
        <v>4</v>
      </c>
      <c r="M140" s="11">
        <v>5</v>
      </c>
      <c r="N140" s="22">
        <v>5</v>
      </c>
      <c r="O140" s="22">
        <v>3</v>
      </c>
      <c r="P140" s="22">
        <v>2</v>
      </c>
      <c r="Q140" s="22">
        <v>2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1</v>
      </c>
      <c r="H141" s="11">
        <v>6</v>
      </c>
      <c r="I141" s="11">
        <v>11</v>
      </c>
      <c r="J141" s="11">
        <v>9</v>
      </c>
      <c r="K141" s="11">
        <v>4</v>
      </c>
      <c r="L141" s="11">
        <v>6</v>
      </c>
      <c r="M141" s="11">
        <v>4</v>
      </c>
      <c r="N141" s="22">
        <v>4</v>
      </c>
      <c r="O141" s="22">
        <v>4</v>
      </c>
      <c r="P141" s="22">
        <v>5</v>
      </c>
      <c r="Q141" s="22">
        <v>4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7</v>
      </c>
      <c r="H142" s="11">
        <v>11</v>
      </c>
      <c r="I142" s="11">
        <v>6</v>
      </c>
      <c r="J142" s="11">
        <v>11</v>
      </c>
      <c r="K142" s="11">
        <v>13</v>
      </c>
      <c r="L142" s="11">
        <v>12</v>
      </c>
      <c r="M142" s="11">
        <v>12</v>
      </c>
      <c r="N142" s="22">
        <v>10</v>
      </c>
      <c r="O142" s="22">
        <v>7</v>
      </c>
      <c r="P142" s="22">
        <v>3</v>
      </c>
      <c r="Q142" s="22">
        <v>4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6</v>
      </c>
      <c r="H143" s="14">
        <v>7</v>
      </c>
      <c r="I143" s="14">
        <v>9</v>
      </c>
      <c r="J143" s="14">
        <v>7</v>
      </c>
      <c r="K143" s="14">
        <v>7</v>
      </c>
      <c r="L143" s="14">
        <v>4</v>
      </c>
      <c r="M143" s="14">
        <v>4</v>
      </c>
      <c r="N143" s="23">
        <v>6</v>
      </c>
      <c r="O143" s="23">
        <v>11</v>
      </c>
      <c r="P143" s="23">
        <v>13</v>
      </c>
      <c r="Q143" s="23">
        <v>12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1</v>
      </c>
      <c r="H144" s="14">
        <v>16</v>
      </c>
      <c r="I144" s="14">
        <v>7</v>
      </c>
      <c r="J144" s="14">
        <v>9</v>
      </c>
      <c r="K144" s="14">
        <v>7</v>
      </c>
      <c r="L144" s="14">
        <v>10</v>
      </c>
      <c r="M144" s="14">
        <v>9</v>
      </c>
      <c r="N144" s="23">
        <v>8</v>
      </c>
      <c r="O144" s="23">
        <v>6</v>
      </c>
      <c r="P144" s="23">
        <v>6</v>
      </c>
      <c r="Q144" s="23">
        <v>4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11</v>
      </c>
      <c r="H145" s="14">
        <v>11</v>
      </c>
      <c r="I145" s="14">
        <v>16</v>
      </c>
      <c r="J145" s="14">
        <v>12</v>
      </c>
      <c r="K145" s="14">
        <v>13</v>
      </c>
      <c r="L145" s="14">
        <v>9</v>
      </c>
      <c r="M145" s="14">
        <v>10</v>
      </c>
      <c r="N145" s="23">
        <v>7</v>
      </c>
      <c r="O145" s="23">
        <v>7</v>
      </c>
      <c r="P145" s="23">
        <v>4</v>
      </c>
      <c r="Q145" s="23">
        <v>6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8</v>
      </c>
      <c r="H146" s="14">
        <v>9</v>
      </c>
      <c r="I146" s="14">
        <v>9</v>
      </c>
      <c r="J146" s="14">
        <v>11</v>
      </c>
      <c r="K146" s="14">
        <v>13</v>
      </c>
      <c r="L146" s="14">
        <v>15</v>
      </c>
      <c r="M146" s="14">
        <v>12</v>
      </c>
      <c r="N146" s="23">
        <v>15</v>
      </c>
      <c r="O146" s="23">
        <v>12</v>
      </c>
      <c r="P146" s="23">
        <v>13</v>
      </c>
      <c r="Q146" s="23">
        <v>9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7</v>
      </c>
      <c r="H147" s="14">
        <v>6</v>
      </c>
      <c r="I147" s="14">
        <v>7</v>
      </c>
      <c r="J147" s="14">
        <v>8</v>
      </c>
      <c r="K147" s="14">
        <v>7</v>
      </c>
      <c r="L147" s="14">
        <v>7</v>
      </c>
      <c r="M147" s="14">
        <v>8</v>
      </c>
      <c r="N147" s="23">
        <v>8</v>
      </c>
      <c r="O147" s="23">
        <v>10</v>
      </c>
      <c r="P147" s="23">
        <v>10</v>
      </c>
      <c r="Q147" s="23">
        <v>12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3</v>
      </c>
      <c r="H148" s="14">
        <v>4</v>
      </c>
      <c r="I148" s="14">
        <v>4</v>
      </c>
      <c r="J148" s="14">
        <v>4</v>
      </c>
      <c r="K148" s="14">
        <v>6</v>
      </c>
      <c r="L148" s="14">
        <v>6</v>
      </c>
      <c r="M148" s="14">
        <v>6</v>
      </c>
      <c r="N148" s="23">
        <v>6</v>
      </c>
      <c r="O148" s="23">
        <v>5</v>
      </c>
      <c r="P148" s="23">
        <v>5</v>
      </c>
      <c r="Q148" s="23">
        <v>5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0</v>
      </c>
      <c r="H149" s="14">
        <v>1</v>
      </c>
      <c r="I149" s="14">
        <v>3</v>
      </c>
      <c r="J149" s="14">
        <v>3</v>
      </c>
      <c r="K149" s="14">
        <v>1</v>
      </c>
      <c r="L149" s="14">
        <v>0</v>
      </c>
      <c r="M149" s="14">
        <v>1</v>
      </c>
      <c r="N149" s="23">
        <v>1</v>
      </c>
      <c r="O149" s="23">
        <v>0</v>
      </c>
      <c r="P149" s="23">
        <v>1</v>
      </c>
      <c r="Q149" s="23">
        <v>1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0</v>
      </c>
      <c r="I150" s="14">
        <v>0</v>
      </c>
      <c r="J150" s="14">
        <v>0</v>
      </c>
      <c r="K150" s="14">
        <v>1</v>
      </c>
      <c r="L150" s="14">
        <v>1</v>
      </c>
      <c r="M150" s="14">
        <v>1</v>
      </c>
      <c r="N150" s="23">
        <v>1</v>
      </c>
      <c r="O150" s="23">
        <v>1</v>
      </c>
      <c r="P150" s="23">
        <v>1</v>
      </c>
      <c r="Q150" s="23">
        <v>1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34</v>
      </c>
      <c r="H151" s="17">
        <f t="shared" ref="H151:N151" si="18">SUM(H130:H150)</f>
        <v>122</v>
      </c>
      <c r="I151" s="17">
        <f t="shared" si="18"/>
        <v>108</v>
      </c>
      <c r="J151" s="17">
        <f t="shared" si="18"/>
        <v>108</v>
      </c>
      <c r="K151" s="17">
        <f t="shared" si="18"/>
        <v>107</v>
      </c>
      <c r="L151" s="17">
        <f t="shared" si="18"/>
        <v>103</v>
      </c>
      <c r="M151" s="17">
        <f t="shared" si="18"/>
        <v>96</v>
      </c>
      <c r="N151" s="17">
        <f t="shared" si="18"/>
        <v>91</v>
      </c>
      <c r="O151" s="17">
        <f>SUM(O130:O150)</f>
        <v>80</v>
      </c>
      <c r="P151" s="17">
        <f>SUM(P130:P150)</f>
        <v>75</v>
      </c>
      <c r="Q151" s="17">
        <f>SUM(Q130:Q150)</f>
        <v>72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2</v>
      </c>
      <c r="H156" s="8">
        <f t="shared" si="19"/>
        <v>8</v>
      </c>
      <c r="I156" s="8">
        <f t="shared" si="19"/>
        <v>8</v>
      </c>
      <c r="J156" s="8">
        <f t="shared" si="19"/>
        <v>6</v>
      </c>
      <c r="K156" s="8">
        <f t="shared" si="19"/>
        <v>7</v>
      </c>
      <c r="L156" s="8">
        <f t="shared" si="19"/>
        <v>6</v>
      </c>
      <c r="M156" s="8">
        <f t="shared" si="19"/>
        <v>5</v>
      </c>
      <c r="N156" s="8">
        <f t="shared" si="19"/>
        <v>5</v>
      </c>
      <c r="O156" s="8">
        <f t="shared" si="19"/>
        <v>3</v>
      </c>
      <c r="P156" s="8">
        <f t="shared" si="19"/>
        <v>3</v>
      </c>
      <c r="Q156" s="8">
        <v>3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66</v>
      </c>
      <c r="H157" s="11">
        <f t="shared" si="20"/>
        <v>60</v>
      </c>
      <c r="I157" s="11">
        <f t="shared" si="20"/>
        <v>45</v>
      </c>
      <c r="J157" s="11">
        <f t="shared" si="20"/>
        <v>48</v>
      </c>
      <c r="K157" s="11">
        <f t="shared" si="20"/>
        <v>45</v>
      </c>
      <c r="L157" s="11">
        <f t="shared" si="20"/>
        <v>45</v>
      </c>
      <c r="M157" s="11">
        <f t="shared" si="20"/>
        <v>40</v>
      </c>
      <c r="N157" s="11">
        <f t="shared" si="20"/>
        <v>34</v>
      </c>
      <c r="O157" s="11">
        <f t="shared" si="20"/>
        <v>25</v>
      </c>
      <c r="P157" s="11">
        <f t="shared" si="20"/>
        <v>19</v>
      </c>
      <c r="Q157" s="11">
        <v>19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56</v>
      </c>
      <c r="H158" s="14">
        <f t="shared" si="21"/>
        <v>54</v>
      </c>
      <c r="I158" s="14">
        <f t="shared" si="21"/>
        <v>55</v>
      </c>
      <c r="J158" s="14">
        <f t="shared" si="21"/>
        <v>54</v>
      </c>
      <c r="K158" s="14">
        <f t="shared" si="21"/>
        <v>55</v>
      </c>
      <c r="L158" s="14">
        <f t="shared" si="21"/>
        <v>52</v>
      </c>
      <c r="M158" s="14">
        <f t="shared" si="21"/>
        <v>51</v>
      </c>
      <c r="N158" s="14">
        <f t="shared" si="21"/>
        <v>52</v>
      </c>
      <c r="O158" s="14">
        <f t="shared" si="21"/>
        <v>52</v>
      </c>
      <c r="P158" s="14">
        <f t="shared" si="21"/>
        <v>53</v>
      </c>
      <c r="Q158" s="14">
        <v>50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34</v>
      </c>
      <c r="H159" s="17">
        <f t="shared" ref="H159:N159" si="22">SUM(H156:H158)</f>
        <v>122</v>
      </c>
      <c r="I159" s="17">
        <f t="shared" si="22"/>
        <v>108</v>
      </c>
      <c r="J159" s="17">
        <f t="shared" si="22"/>
        <v>108</v>
      </c>
      <c r="K159" s="17">
        <f t="shared" si="22"/>
        <v>107</v>
      </c>
      <c r="L159" s="17">
        <f t="shared" si="22"/>
        <v>103</v>
      </c>
      <c r="M159" s="17">
        <f t="shared" si="22"/>
        <v>96</v>
      </c>
      <c r="N159" s="17">
        <f t="shared" si="22"/>
        <v>91</v>
      </c>
      <c r="O159" s="17">
        <f>SUM(O156:O158)</f>
        <v>80</v>
      </c>
      <c r="P159" s="17">
        <f>SUM(P156:P158)</f>
        <v>75</v>
      </c>
      <c r="Q159" s="17">
        <f>SUM(Q156:Q158)</f>
        <v>72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71" t="s">
        <v>7</v>
      </c>
      <c r="C164" s="71" t="s">
        <v>7</v>
      </c>
      <c r="D164" s="71" t="s">
        <v>7</v>
      </c>
      <c r="E164" s="71" t="s">
        <v>7</v>
      </c>
      <c r="F164" s="71" t="s">
        <v>7</v>
      </c>
      <c r="G164" s="72">
        <f t="shared" ref="G164:Q164" si="23">ROUND(G156/G159*100,1)</f>
        <v>9</v>
      </c>
      <c r="H164" s="72">
        <f t="shared" si="23"/>
        <v>6.6</v>
      </c>
      <c r="I164" s="72">
        <f t="shared" si="23"/>
        <v>7.4</v>
      </c>
      <c r="J164" s="72">
        <f t="shared" si="23"/>
        <v>5.6</v>
      </c>
      <c r="K164" s="72">
        <f t="shared" si="23"/>
        <v>6.5</v>
      </c>
      <c r="L164" s="72">
        <f t="shared" si="23"/>
        <v>5.8</v>
      </c>
      <c r="M164" s="72">
        <f t="shared" si="23"/>
        <v>5.2</v>
      </c>
      <c r="N164" s="72">
        <f t="shared" si="23"/>
        <v>5.5</v>
      </c>
      <c r="O164" s="72">
        <f t="shared" si="23"/>
        <v>3.8</v>
      </c>
      <c r="P164" s="72">
        <f t="shared" si="23"/>
        <v>4</v>
      </c>
      <c r="Q164" s="72">
        <f t="shared" si="23"/>
        <v>4.2</v>
      </c>
    </row>
    <row r="165" spans="1:20" ht="21.75" customHeight="1" x14ac:dyDescent="0.2">
      <c r="A165" s="9" t="s">
        <v>34</v>
      </c>
      <c r="B165" s="73" t="s">
        <v>7</v>
      </c>
      <c r="C165" s="73" t="s">
        <v>7</v>
      </c>
      <c r="D165" s="73" t="s">
        <v>7</v>
      </c>
      <c r="E165" s="73" t="s">
        <v>7</v>
      </c>
      <c r="F165" s="73" t="s">
        <v>7</v>
      </c>
      <c r="G165" s="74">
        <f t="shared" ref="G165:Q165" si="24">ROUND(G157/G159*100,1)</f>
        <v>49.3</v>
      </c>
      <c r="H165" s="74">
        <f t="shared" si="24"/>
        <v>49.2</v>
      </c>
      <c r="I165" s="74">
        <f t="shared" si="24"/>
        <v>41.7</v>
      </c>
      <c r="J165" s="74">
        <f t="shared" si="24"/>
        <v>44.4</v>
      </c>
      <c r="K165" s="74">
        <f t="shared" si="24"/>
        <v>42.1</v>
      </c>
      <c r="L165" s="74">
        <f t="shared" si="24"/>
        <v>43.7</v>
      </c>
      <c r="M165" s="74">
        <f t="shared" si="24"/>
        <v>41.7</v>
      </c>
      <c r="N165" s="74">
        <f t="shared" si="24"/>
        <v>37.4</v>
      </c>
      <c r="O165" s="74">
        <f t="shared" si="24"/>
        <v>31.3</v>
      </c>
      <c r="P165" s="74">
        <f t="shared" si="24"/>
        <v>25.3</v>
      </c>
      <c r="Q165" s="74">
        <f t="shared" si="24"/>
        <v>26.4</v>
      </c>
    </row>
    <row r="166" spans="1:20" ht="21.75" customHeight="1" x14ac:dyDescent="0.2">
      <c r="A166" s="12" t="s">
        <v>35</v>
      </c>
      <c r="B166" s="75" t="s">
        <v>7</v>
      </c>
      <c r="C166" s="75" t="s">
        <v>7</v>
      </c>
      <c r="D166" s="75" t="s">
        <v>7</v>
      </c>
      <c r="E166" s="75" t="s">
        <v>7</v>
      </c>
      <c r="F166" s="75" t="s">
        <v>7</v>
      </c>
      <c r="G166" s="76">
        <f t="shared" ref="G166:Q166" si="25">ROUND(G158/G159*100,1)</f>
        <v>41.8</v>
      </c>
      <c r="H166" s="76">
        <f t="shared" si="25"/>
        <v>44.3</v>
      </c>
      <c r="I166" s="76">
        <f t="shared" si="25"/>
        <v>50.9</v>
      </c>
      <c r="J166" s="76">
        <f t="shared" si="25"/>
        <v>50</v>
      </c>
      <c r="K166" s="76">
        <f t="shared" si="25"/>
        <v>51.4</v>
      </c>
      <c r="L166" s="76">
        <f t="shared" si="25"/>
        <v>50.5</v>
      </c>
      <c r="M166" s="76">
        <f t="shared" si="25"/>
        <v>53.1</v>
      </c>
      <c r="N166" s="76">
        <f t="shared" si="25"/>
        <v>57.1</v>
      </c>
      <c r="O166" s="76">
        <f t="shared" si="25"/>
        <v>65</v>
      </c>
      <c r="P166" s="76">
        <f t="shared" si="25"/>
        <v>70.7</v>
      </c>
      <c r="Q166" s="76">
        <f t="shared" si="25"/>
        <v>69.400000000000006</v>
      </c>
    </row>
    <row r="167" spans="1:20" ht="21.75" customHeight="1" x14ac:dyDescent="0.2">
      <c r="A167" s="5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66"/>
      <c r="B168" s="66"/>
      <c r="C168" s="66"/>
      <c r="D168" s="66"/>
      <c r="E168" s="66"/>
      <c r="F168" s="66"/>
      <c r="G168" s="66"/>
      <c r="H168" s="66"/>
      <c r="I168" s="66"/>
      <c r="J168" s="66"/>
      <c r="K168" s="66"/>
      <c r="L168" s="66"/>
      <c r="M168" s="66"/>
      <c r="N168" s="66"/>
      <c r="O168" s="66"/>
      <c r="P168" s="66"/>
      <c r="Q168" s="66"/>
      <c r="R168" s="66"/>
      <c r="S168" s="66"/>
      <c r="T168" s="6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1841D9-472B-48CD-B6D3-ECA16FBC62FF}">
  <sheetPr codeName="Sheet75"/>
  <dimension ref="A1:T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68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0</v>
      </c>
      <c r="H5" s="8">
        <f t="shared" si="0"/>
        <v>0</v>
      </c>
      <c r="I5" s="8">
        <f t="shared" si="0"/>
        <v>1</v>
      </c>
      <c r="J5" s="8">
        <f t="shared" si="0"/>
        <v>3</v>
      </c>
      <c r="K5" s="8">
        <f t="shared" si="0"/>
        <v>3</v>
      </c>
      <c r="L5" s="8">
        <f t="shared" si="0"/>
        <v>2</v>
      </c>
      <c r="M5" s="8">
        <f t="shared" si="0"/>
        <v>1</v>
      </c>
      <c r="N5" s="8">
        <f t="shared" si="0"/>
        <v>1</v>
      </c>
      <c r="O5" s="8">
        <f t="shared" si="0"/>
        <v>0</v>
      </c>
      <c r="P5" s="8">
        <f t="shared" si="0"/>
        <v>0</v>
      </c>
      <c r="Q5" s="8">
        <f t="shared" si="0"/>
        <v>0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2</v>
      </c>
      <c r="H6" s="8">
        <f t="shared" si="0"/>
        <v>0</v>
      </c>
      <c r="I6" s="8">
        <f t="shared" si="0"/>
        <v>0</v>
      </c>
      <c r="J6" s="8">
        <f t="shared" si="0"/>
        <v>1</v>
      </c>
      <c r="K6" s="8">
        <f t="shared" si="0"/>
        <v>1</v>
      </c>
      <c r="L6" s="8">
        <f t="shared" si="0"/>
        <v>1</v>
      </c>
      <c r="M6" s="8">
        <f t="shared" si="0"/>
        <v>2</v>
      </c>
      <c r="N6" s="8">
        <f t="shared" si="0"/>
        <v>2</v>
      </c>
      <c r="O6" s="8">
        <f t="shared" si="0"/>
        <v>2</v>
      </c>
      <c r="P6" s="8">
        <f t="shared" si="0"/>
        <v>2</v>
      </c>
      <c r="Q6" s="8">
        <f t="shared" si="0"/>
        <v>2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1</v>
      </c>
      <c r="H7" s="8">
        <f t="shared" si="0"/>
        <v>2</v>
      </c>
      <c r="I7" s="8">
        <f t="shared" si="0"/>
        <v>0</v>
      </c>
      <c r="J7" s="8">
        <f t="shared" si="0"/>
        <v>0</v>
      </c>
      <c r="K7" s="8">
        <f t="shared" si="0"/>
        <v>0</v>
      </c>
      <c r="L7" s="8">
        <f t="shared" si="0"/>
        <v>0</v>
      </c>
      <c r="M7" s="8">
        <f t="shared" si="0"/>
        <v>0</v>
      </c>
      <c r="N7" s="8">
        <f t="shared" si="0"/>
        <v>0</v>
      </c>
      <c r="O7" s="8">
        <f t="shared" si="0"/>
        <v>1</v>
      </c>
      <c r="P7" s="8">
        <f t="shared" si="0"/>
        <v>1</v>
      </c>
      <c r="Q7" s="8">
        <f t="shared" si="0"/>
        <v>1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3</v>
      </c>
      <c r="H8" s="11">
        <f t="shared" si="0"/>
        <v>1</v>
      </c>
      <c r="I8" s="11">
        <f t="shared" si="0"/>
        <v>2</v>
      </c>
      <c r="J8" s="11">
        <f t="shared" si="0"/>
        <v>2</v>
      </c>
      <c r="K8" s="11">
        <f t="shared" si="0"/>
        <v>1</v>
      </c>
      <c r="L8" s="11">
        <f t="shared" si="0"/>
        <v>1</v>
      </c>
      <c r="M8" s="11">
        <f t="shared" si="0"/>
        <v>0</v>
      </c>
      <c r="N8" s="11">
        <f t="shared" si="0"/>
        <v>0</v>
      </c>
      <c r="O8" s="11">
        <f t="shared" si="0"/>
        <v>0</v>
      </c>
      <c r="P8" s="11">
        <f t="shared" si="0"/>
        <v>0</v>
      </c>
      <c r="Q8" s="11">
        <f t="shared" si="0"/>
        <v>0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2</v>
      </c>
      <c r="H9" s="11">
        <f t="shared" si="0"/>
        <v>3</v>
      </c>
      <c r="I9" s="11">
        <f t="shared" si="0"/>
        <v>1</v>
      </c>
      <c r="J9" s="11">
        <f t="shared" si="0"/>
        <v>1</v>
      </c>
      <c r="K9" s="11">
        <f t="shared" si="0"/>
        <v>1</v>
      </c>
      <c r="L9" s="11">
        <f t="shared" si="0"/>
        <v>1</v>
      </c>
      <c r="M9" s="11">
        <f t="shared" si="0"/>
        <v>2</v>
      </c>
      <c r="N9" s="11">
        <f t="shared" si="0"/>
        <v>2</v>
      </c>
      <c r="O9" s="11">
        <f t="shared" si="0"/>
        <v>2</v>
      </c>
      <c r="P9" s="11">
        <f t="shared" si="0"/>
        <v>1</v>
      </c>
      <c r="Q9" s="11">
        <f t="shared" si="0"/>
        <v>0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0</v>
      </c>
      <c r="H10" s="11">
        <f t="shared" si="0"/>
        <v>0</v>
      </c>
      <c r="I10" s="11">
        <f t="shared" si="0"/>
        <v>2</v>
      </c>
      <c r="J10" s="11">
        <f t="shared" si="0"/>
        <v>1</v>
      </c>
      <c r="K10" s="11">
        <f t="shared" si="0"/>
        <v>2</v>
      </c>
      <c r="L10" s="11">
        <f t="shared" si="0"/>
        <v>2</v>
      </c>
      <c r="M10" s="11">
        <f t="shared" si="0"/>
        <v>1</v>
      </c>
      <c r="N10" s="11">
        <f t="shared" si="0"/>
        <v>1</v>
      </c>
      <c r="O10" s="11">
        <f t="shared" si="0"/>
        <v>1</v>
      </c>
      <c r="P10" s="11">
        <f t="shared" si="0"/>
        <v>1</v>
      </c>
      <c r="Q10" s="11">
        <f t="shared" si="0"/>
        <v>1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0</v>
      </c>
      <c r="H11" s="11">
        <f t="shared" si="0"/>
        <v>0</v>
      </c>
      <c r="I11" s="11">
        <f t="shared" si="0"/>
        <v>1</v>
      </c>
      <c r="J11" s="11">
        <f t="shared" si="0"/>
        <v>2</v>
      </c>
      <c r="K11" s="11">
        <f t="shared" si="0"/>
        <v>2</v>
      </c>
      <c r="L11" s="11">
        <f t="shared" si="0"/>
        <v>1</v>
      </c>
      <c r="M11" s="11">
        <f t="shared" si="0"/>
        <v>0</v>
      </c>
      <c r="N11" s="11">
        <f t="shared" si="0"/>
        <v>0</v>
      </c>
      <c r="O11" s="11">
        <f t="shared" si="0"/>
        <v>1</v>
      </c>
      <c r="P11" s="11">
        <f t="shared" si="0"/>
        <v>2</v>
      </c>
      <c r="Q11" s="11">
        <f t="shared" si="0"/>
        <v>1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</v>
      </c>
      <c r="H12" s="11">
        <f t="shared" si="0"/>
        <v>0</v>
      </c>
      <c r="I12" s="11">
        <f t="shared" si="0"/>
        <v>1</v>
      </c>
      <c r="J12" s="11">
        <f t="shared" si="0"/>
        <v>1</v>
      </c>
      <c r="K12" s="11">
        <f t="shared" si="0"/>
        <v>1</v>
      </c>
      <c r="L12" s="11">
        <f t="shared" si="0"/>
        <v>0</v>
      </c>
      <c r="M12" s="11">
        <f t="shared" si="0"/>
        <v>0</v>
      </c>
      <c r="N12" s="11">
        <f t="shared" si="0"/>
        <v>0</v>
      </c>
      <c r="O12" s="11">
        <f t="shared" si="0"/>
        <v>1</v>
      </c>
      <c r="P12" s="11">
        <f t="shared" si="0"/>
        <v>0</v>
      </c>
      <c r="Q12" s="11">
        <f t="shared" si="0"/>
        <v>1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</v>
      </c>
      <c r="H13" s="11">
        <f t="shared" si="0"/>
        <v>1</v>
      </c>
      <c r="I13" s="11">
        <f t="shared" si="0"/>
        <v>1</v>
      </c>
      <c r="J13" s="11">
        <f t="shared" si="0"/>
        <v>3</v>
      </c>
      <c r="K13" s="11">
        <f t="shared" si="0"/>
        <v>3</v>
      </c>
      <c r="L13" s="11">
        <f t="shared" si="0"/>
        <v>1</v>
      </c>
      <c r="M13" s="11">
        <f t="shared" si="0"/>
        <v>1</v>
      </c>
      <c r="N13" s="11">
        <f t="shared" si="0"/>
        <v>0</v>
      </c>
      <c r="O13" s="11">
        <f t="shared" si="0"/>
        <v>0</v>
      </c>
      <c r="P13" s="11">
        <f t="shared" si="0"/>
        <v>1</v>
      </c>
      <c r="Q13" s="11">
        <f t="shared" si="0"/>
        <v>1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6</v>
      </c>
      <c r="H14" s="11">
        <f t="shared" si="0"/>
        <v>2</v>
      </c>
      <c r="I14" s="11">
        <f t="shared" si="0"/>
        <v>2</v>
      </c>
      <c r="J14" s="11">
        <f t="shared" si="0"/>
        <v>3</v>
      </c>
      <c r="K14" s="11">
        <f t="shared" si="0"/>
        <v>2</v>
      </c>
      <c r="L14" s="11">
        <f t="shared" si="0"/>
        <v>3</v>
      </c>
      <c r="M14" s="11">
        <f t="shared" si="0"/>
        <v>3</v>
      </c>
      <c r="N14" s="11">
        <f t="shared" si="0"/>
        <v>3</v>
      </c>
      <c r="O14" s="11">
        <f t="shared" si="0"/>
        <v>2</v>
      </c>
      <c r="P14" s="11">
        <f t="shared" si="0"/>
        <v>2</v>
      </c>
      <c r="Q14" s="11">
        <f t="shared" si="0"/>
        <v>1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6</v>
      </c>
      <c r="H15" s="11">
        <f t="shared" si="0"/>
        <v>3</v>
      </c>
      <c r="I15" s="11">
        <f t="shared" si="0"/>
        <v>0</v>
      </c>
      <c r="J15" s="11">
        <f t="shared" si="0"/>
        <v>0</v>
      </c>
      <c r="K15" s="11">
        <f t="shared" si="0"/>
        <v>1</v>
      </c>
      <c r="L15" s="11">
        <f t="shared" si="0"/>
        <v>2</v>
      </c>
      <c r="M15" s="11">
        <f t="shared" si="0"/>
        <v>2</v>
      </c>
      <c r="N15" s="11">
        <f t="shared" si="0"/>
        <v>2</v>
      </c>
      <c r="O15" s="11">
        <f t="shared" si="0"/>
        <v>3</v>
      </c>
      <c r="P15" s="11">
        <f t="shared" si="0"/>
        <v>2</v>
      </c>
      <c r="Q15" s="11">
        <f t="shared" si="0"/>
        <v>3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5</v>
      </c>
      <c r="H16" s="11">
        <f t="shared" si="0"/>
        <v>6</v>
      </c>
      <c r="I16" s="11">
        <f t="shared" si="0"/>
        <v>4</v>
      </c>
      <c r="J16" s="11">
        <f t="shared" si="0"/>
        <v>3</v>
      </c>
      <c r="K16" s="11">
        <f t="shared" si="0"/>
        <v>2</v>
      </c>
      <c r="L16" s="11">
        <f t="shared" si="0"/>
        <v>1</v>
      </c>
      <c r="M16" s="11">
        <f t="shared" si="0"/>
        <v>1</v>
      </c>
      <c r="N16" s="11">
        <f t="shared" si="0"/>
        <v>2</v>
      </c>
      <c r="O16" s="11">
        <f t="shared" si="0"/>
        <v>1</v>
      </c>
      <c r="P16" s="11">
        <f t="shared" si="0"/>
        <v>2</v>
      </c>
      <c r="Q16" s="11">
        <f t="shared" si="0"/>
        <v>2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4</v>
      </c>
      <c r="H17" s="11">
        <f t="shared" si="0"/>
        <v>5</v>
      </c>
      <c r="I17" s="11">
        <f t="shared" si="0"/>
        <v>5</v>
      </c>
      <c r="J17" s="11">
        <f t="shared" si="0"/>
        <v>6</v>
      </c>
      <c r="K17" s="11">
        <f t="shared" si="0"/>
        <v>5</v>
      </c>
      <c r="L17" s="11">
        <f t="shared" si="0"/>
        <v>4</v>
      </c>
      <c r="M17" s="11">
        <f t="shared" si="0"/>
        <v>3</v>
      </c>
      <c r="N17" s="11">
        <f t="shared" si="0"/>
        <v>4</v>
      </c>
      <c r="O17" s="11">
        <f t="shared" si="0"/>
        <v>5</v>
      </c>
      <c r="P17" s="11">
        <f t="shared" si="0"/>
        <v>4</v>
      </c>
      <c r="Q17" s="11">
        <f t="shared" si="0"/>
        <v>1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7</v>
      </c>
      <c r="H18" s="14">
        <f t="shared" si="0"/>
        <v>3</v>
      </c>
      <c r="I18" s="14">
        <f t="shared" si="0"/>
        <v>5</v>
      </c>
      <c r="J18" s="14">
        <f t="shared" si="0"/>
        <v>4</v>
      </c>
      <c r="K18" s="14">
        <f t="shared" si="0"/>
        <v>4</v>
      </c>
      <c r="L18" s="14">
        <f t="shared" si="0"/>
        <v>6</v>
      </c>
      <c r="M18" s="14">
        <f t="shared" si="0"/>
        <v>5</v>
      </c>
      <c r="N18" s="14">
        <f t="shared" si="0"/>
        <v>5</v>
      </c>
      <c r="O18" s="14">
        <f t="shared" si="0"/>
        <v>5</v>
      </c>
      <c r="P18" s="14">
        <f t="shared" si="0"/>
        <v>4</v>
      </c>
      <c r="Q18" s="14">
        <f t="shared" si="0"/>
        <v>5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4</v>
      </c>
      <c r="H19" s="14">
        <f t="shared" si="0"/>
        <v>16</v>
      </c>
      <c r="I19" s="14">
        <f t="shared" si="0"/>
        <v>3</v>
      </c>
      <c r="J19" s="14">
        <f t="shared" si="0"/>
        <v>3</v>
      </c>
      <c r="K19" s="14">
        <f t="shared" si="0"/>
        <v>4</v>
      </c>
      <c r="L19" s="14">
        <f t="shared" si="0"/>
        <v>3</v>
      </c>
      <c r="M19" s="14">
        <f t="shared" si="0"/>
        <v>4</v>
      </c>
      <c r="N19" s="14">
        <f t="shared" si="0"/>
        <v>4</v>
      </c>
      <c r="O19" s="14">
        <f t="shared" si="0"/>
        <v>3</v>
      </c>
      <c r="P19" s="14">
        <f t="shared" si="0"/>
        <v>3</v>
      </c>
      <c r="Q19" s="14">
        <f t="shared" si="0"/>
        <v>5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0</v>
      </c>
      <c r="H20" s="14">
        <f t="shared" si="0"/>
        <v>14</v>
      </c>
      <c r="I20" s="14">
        <f t="shared" si="0"/>
        <v>15</v>
      </c>
      <c r="J20" s="14">
        <f t="shared" si="0"/>
        <v>10</v>
      </c>
      <c r="K20" s="14">
        <f t="shared" si="0"/>
        <v>7</v>
      </c>
      <c r="L20" s="14">
        <f t="shared" si="0"/>
        <v>7</v>
      </c>
      <c r="M20" s="14">
        <f t="shared" si="0"/>
        <v>4</v>
      </c>
      <c r="N20" s="14">
        <f t="shared" si="0"/>
        <v>1</v>
      </c>
      <c r="O20" s="14">
        <f t="shared" si="0"/>
        <v>2</v>
      </c>
      <c r="P20" s="14">
        <f t="shared" si="0"/>
        <v>4</v>
      </c>
      <c r="Q20" s="14">
        <f t="shared" si="0"/>
        <v>4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8</v>
      </c>
      <c r="H21" s="14">
        <f t="shared" si="1"/>
        <v>8</v>
      </c>
      <c r="I21" s="14">
        <f t="shared" si="1"/>
        <v>9</v>
      </c>
      <c r="J21" s="14">
        <f t="shared" si="1"/>
        <v>12</v>
      </c>
      <c r="K21" s="14">
        <f t="shared" si="1"/>
        <v>14</v>
      </c>
      <c r="L21" s="14">
        <f t="shared" si="1"/>
        <v>13</v>
      </c>
      <c r="M21" s="14">
        <f t="shared" si="1"/>
        <v>15</v>
      </c>
      <c r="N21" s="14">
        <f t="shared" si="1"/>
        <v>12</v>
      </c>
      <c r="O21" s="14">
        <f t="shared" si="1"/>
        <v>7</v>
      </c>
      <c r="P21" s="14">
        <f t="shared" si="1"/>
        <v>5</v>
      </c>
      <c r="Q21" s="14">
        <f t="shared" si="1"/>
        <v>4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1</v>
      </c>
      <c r="H22" s="14">
        <f t="shared" si="1"/>
        <v>5</v>
      </c>
      <c r="I22" s="14">
        <f t="shared" si="1"/>
        <v>5</v>
      </c>
      <c r="J22" s="14">
        <f t="shared" si="1"/>
        <v>4</v>
      </c>
      <c r="K22" s="14">
        <f t="shared" si="1"/>
        <v>3</v>
      </c>
      <c r="L22" s="14">
        <f t="shared" si="1"/>
        <v>5</v>
      </c>
      <c r="M22" s="14">
        <f t="shared" si="1"/>
        <v>5</v>
      </c>
      <c r="N22" s="14">
        <f t="shared" si="1"/>
        <v>5</v>
      </c>
      <c r="O22" s="14">
        <f t="shared" si="1"/>
        <v>9</v>
      </c>
      <c r="P22" s="14">
        <f t="shared" si="1"/>
        <v>11</v>
      </c>
      <c r="Q22" s="14">
        <f t="shared" si="1"/>
        <v>12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4</v>
      </c>
      <c r="H23" s="14">
        <f t="shared" si="1"/>
        <v>1</v>
      </c>
      <c r="I23" s="14">
        <f t="shared" si="1"/>
        <v>2</v>
      </c>
      <c r="J23" s="14">
        <f t="shared" si="1"/>
        <v>3</v>
      </c>
      <c r="K23" s="14">
        <f t="shared" si="1"/>
        <v>4</v>
      </c>
      <c r="L23" s="14">
        <f t="shared" si="1"/>
        <v>2</v>
      </c>
      <c r="M23" s="14">
        <f t="shared" si="1"/>
        <v>1</v>
      </c>
      <c r="N23" s="14">
        <f t="shared" si="1"/>
        <v>2</v>
      </c>
      <c r="O23" s="14">
        <f t="shared" si="1"/>
        <v>2</v>
      </c>
      <c r="P23" s="14">
        <f t="shared" si="1"/>
        <v>1</v>
      </c>
      <c r="Q23" s="14">
        <f t="shared" si="1"/>
        <v>1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</v>
      </c>
      <c r="H24" s="14">
        <f t="shared" si="1"/>
        <v>0</v>
      </c>
      <c r="I24" s="14">
        <f t="shared" si="1"/>
        <v>1</v>
      </c>
      <c r="J24" s="14">
        <f t="shared" si="1"/>
        <v>1</v>
      </c>
      <c r="K24" s="14">
        <f t="shared" si="1"/>
        <v>1</v>
      </c>
      <c r="L24" s="14">
        <f t="shared" si="1"/>
        <v>1</v>
      </c>
      <c r="M24" s="14">
        <f t="shared" si="1"/>
        <v>2</v>
      </c>
      <c r="N24" s="14">
        <f t="shared" si="1"/>
        <v>2</v>
      </c>
      <c r="O24" s="14">
        <f t="shared" si="1"/>
        <v>3</v>
      </c>
      <c r="P24" s="14">
        <f t="shared" si="1"/>
        <v>2</v>
      </c>
      <c r="Q24" s="14">
        <f t="shared" si="1"/>
        <v>0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0</v>
      </c>
      <c r="I25" s="14">
        <f t="shared" si="1"/>
        <v>0</v>
      </c>
      <c r="J25" s="14">
        <f t="shared" si="1"/>
        <v>0</v>
      </c>
      <c r="K25" s="14">
        <f t="shared" si="1"/>
        <v>0</v>
      </c>
      <c r="L25" s="14">
        <f t="shared" si="1"/>
        <v>1</v>
      </c>
      <c r="M25" s="14">
        <f t="shared" si="1"/>
        <v>1</v>
      </c>
      <c r="N25" s="14">
        <f t="shared" si="1"/>
        <v>0</v>
      </c>
      <c r="O25" s="14">
        <f t="shared" si="1"/>
        <v>0</v>
      </c>
      <c r="P25" s="14">
        <f t="shared" si="1"/>
        <v>0</v>
      </c>
      <c r="Q25" s="14">
        <f t="shared" si="1"/>
        <v>1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86</v>
      </c>
      <c r="H26" s="17">
        <f>SUM(H5:H25)</f>
        <v>70</v>
      </c>
      <c r="I26" s="17">
        <f t="shared" ref="I26:N26" si="2">SUM(I5:I25)</f>
        <v>60</v>
      </c>
      <c r="J26" s="17">
        <f t="shared" si="2"/>
        <v>63</v>
      </c>
      <c r="K26" s="17">
        <f t="shared" si="2"/>
        <v>61</v>
      </c>
      <c r="L26" s="17">
        <f t="shared" si="2"/>
        <v>57</v>
      </c>
      <c r="M26" s="17">
        <f t="shared" si="2"/>
        <v>53</v>
      </c>
      <c r="N26" s="17">
        <f t="shared" si="2"/>
        <v>48</v>
      </c>
      <c r="O26" s="17">
        <f>SUM(O5:O25)</f>
        <v>50</v>
      </c>
      <c r="P26" s="17">
        <f>SUM(P5:P25)</f>
        <v>48</v>
      </c>
      <c r="Q26" s="17">
        <f>SUM(Q5:Q25)</f>
        <v>46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3</v>
      </c>
      <c r="H31" s="21">
        <f t="shared" si="3"/>
        <v>2</v>
      </c>
      <c r="I31" s="21">
        <f t="shared" si="3"/>
        <v>1</v>
      </c>
      <c r="J31" s="21">
        <f t="shared" si="3"/>
        <v>4</v>
      </c>
      <c r="K31" s="21">
        <f t="shared" si="3"/>
        <v>4</v>
      </c>
      <c r="L31" s="21">
        <f t="shared" si="3"/>
        <v>3</v>
      </c>
      <c r="M31" s="21">
        <f t="shared" si="3"/>
        <v>3</v>
      </c>
      <c r="N31" s="21">
        <f t="shared" si="3"/>
        <v>3</v>
      </c>
      <c r="O31" s="21">
        <f t="shared" si="3"/>
        <v>3</v>
      </c>
      <c r="P31" s="21">
        <f t="shared" si="3"/>
        <v>3</v>
      </c>
      <c r="Q31" s="21">
        <f t="shared" si="3"/>
        <v>3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28</v>
      </c>
      <c r="H32" s="22">
        <f t="shared" si="4"/>
        <v>21</v>
      </c>
      <c r="I32" s="22">
        <f t="shared" si="4"/>
        <v>19</v>
      </c>
      <c r="J32" s="22">
        <f t="shared" si="4"/>
        <v>22</v>
      </c>
      <c r="K32" s="22">
        <f t="shared" si="4"/>
        <v>20</v>
      </c>
      <c r="L32" s="22">
        <f t="shared" si="4"/>
        <v>16</v>
      </c>
      <c r="M32" s="22">
        <f t="shared" si="4"/>
        <v>13</v>
      </c>
      <c r="N32" s="22">
        <f t="shared" si="4"/>
        <v>14</v>
      </c>
      <c r="O32" s="22">
        <f t="shared" si="4"/>
        <v>16</v>
      </c>
      <c r="P32" s="22">
        <f t="shared" si="4"/>
        <v>15</v>
      </c>
      <c r="Q32" s="22">
        <f t="shared" si="4"/>
        <v>11</v>
      </c>
    </row>
    <row r="33" spans="1:20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55</v>
      </c>
      <c r="H33" s="23">
        <f t="shared" si="5"/>
        <v>47</v>
      </c>
      <c r="I33" s="23">
        <f t="shared" si="5"/>
        <v>40</v>
      </c>
      <c r="J33" s="23">
        <f t="shared" si="5"/>
        <v>37</v>
      </c>
      <c r="K33" s="23">
        <f t="shared" si="5"/>
        <v>37</v>
      </c>
      <c r="L33" s="23">
        <f t="shared" si="5"/>
        <v>38</v>
      </c>
      <c r="M33" s="23">
        <f t="shared" si="5"/>
        <v>37</v>
      </c>
      <c r="N33" s="23">
        <f t="shared" si="5"/>
        <v>31</v>
      </c>
      <c r="O33" s="23">
        <f t="shared" si="5"/>
        <v>31</v>
      </c>
      <c r="P33" s="23">
        <f t="shared" si="5"/>
        <v>30</v>
      </c>
      <c r="Q33" s="23">
        <f t="shared" si="5"/>
        <v>32</v>
      </c>
    </row>
    <row r="34" spans="1:20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86</v>
      </c>
      <c r="H34" s="24">
        <f>SUM(H31:H33)</f>
        <v>70</v>
      </c>
      <c r="I34" s="24">
        <f t="shared" ref="I34:N34" si="6">SUM(I31:I33)</f>
        <v>60</v>
      </c>
      <c r="J34" s="24">
        <f t="shared" si="6"/>
        <v>63</v>
      </c>
      <c r="K34" s="24">
        <f t="shared" si="6"/>
        <v>61</v>
      </c>
      <c r="L34" s="24">
        <f t="shared" si="6"/>
        <v>57</v>
      </c>
      <c r="M34" s="24">
        <f t="shared" si="6"/>
        <v>53</v>
      </c>
      <c r="N34" s="24">
        <f t="shared" si="6"/>
        <v>48</v>
      </c>
      <c r="O34" s="24">
        <f>SUM(O31:O33)</f>
        <v>50</v>
      </c>
      <c r="P34" s="24">
        <f>SUM(P31:P33)</f>
        <v>48</v>
      </c>
      <c r="Q34" s="24">
        <f>SUM(Q31:Q33)</f>
        <v>46</v>
      </c>
    </row>
    <row r="35" spans="1:20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0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0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0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0" ht="23.25" customHeight="1" x14ac:dyDescent="0.2">
      <c r="A39" s="6" t="s">
        <v>33</v>
      </c>
      <c r="B39" s="71" t="s">
        <v>7</v>
      </c>
      <c r="C39" s="71" t="s">
        <v>7</v>
      </c>
      <c r="D39" s="71" t="s">
        <v>7</v>
      </c>
      <c r="E39" s="71" t="s">
        <v>7</v>
      </c>
      <c r="F39" s="71" t="s">
        <v>7</v>
      </c>
      <c r="G39" s="77">
        <f t="shared" ref="G39:Q39" si="7">ROUND(G31/G34*100,1)</f>
        <v>3.5</v>
      </c>
      <c r="H39" s="77">
        <f t="shared" si="7"/>
        <v>2.9</v>
      </c>
      <c r="I39" s="77">
        <f t="shared" si="7"/>
        <v>1.7</v>
      </c>
      <c r="J39" s="77">
        <f t="shared" si="7"/>
        <v>6.3</v>
      </c>
      <c r="K39" s="77">
        <f t="shared" si="7"/>
        <v>6.6</v>
      </c>
      <c r="L39" s="77">
        <f t="shared" si="7"/>
        <v>5.3</v>
      </c>
      <c r="M39" s="77">
        <f t="shared" si="7"/>
        <v>5.7</v>
      </c>
      <c r="N39" s="77">
        <f t="shared" si="7"/>
        <v>6.3</v>
      </c>
      <c r="O39" s="77">
        <f t="shared" si="7"/>
        <v>6</v>
      </c>
      <c r="P39" s="77">
        <f t="shared" si="7"/>
        <v>6.3</v>
      </c>
      <c r="Q39" s="77">
        <f t="shared" si="7"/>
        <v>6.5</v>
      </c>
    </row>
    <row r="40" spans="1:20" ht="23.25" customHeight="1" x14ac:dyDescent="0.2">
      <c r="A40" s="9" t="s">
        <v>34</v>
      </c>
      <c r="B40" s="73" t="s">
        <v>7</v>
      </c>
      <c r="C40" s="73" t="s">
        <v>7</v>
      </c>
      <c r="D40" s="73" t="s">
        <v>7</v>
      </c>
      <c r="E40" s="73" t="s">
        <v>7</v>
      </c>
      <c r="F40" s="73" t="s">
        <v>7</v>
      </c>
      <c r="G40" s="78">
        <f t="shared" ref="G40:Q40" si="8">ROUND(G32/G34*100,1)</f>
        <v>32.6</v>
      </c>
      <c r="H40" s="78">
        <f t="shared" si="8"/>
        <v>30</v>
      </c>
      <c r="I40" s="78">
        <f t="shared" si="8"/>
        <v>31.7</v>
      </c>
      <c r="J40" s="78">
        <f t="shared" si="8"/>
        <v>34.9</v>
      </c>
      <c r="K40" s="78">
        <f t="shared" si="8"/>
        <v>32.799999999999997</v>
      </c>
      <c r="L40" s="78">
        <f t="shared" si="8"/>
        <v>28.1</v>
      </c>
      <c r="M40" s="78">
        <f t="shared" si="8"/>
        <v>24.5</v>
      </c>
      <c r="N40" s="78">
        <f t="shared" si="8"/>
        <v>29.2</v>
      </c>
      <c r="O40" s="78">
        <f t="shared" si="8"/>
        <v>32</v>
      </c>
      <c r="P40" s="78">
        <f t="shared" si="8"/>
        <v>31.3</v>
      </c>
      <c r="Q40" s="78">
        <f t="shared" si="8"/>
        <v>23.9</v>
      </c>
    </row>
    <row r="41" spans="1:20" ht="23.25" customHeight="1" x14ac:dyDescent="0.2">
      <c r="A41" s="12" t="s">
        <v>35</v>
      </c>
      <c r="B41" s="75" t="s">
        <v>7</v>
      </c>
      <c r="C41" s="75" t="s">
        <v>7</v>
      </c>
      <c r="D41" s="75" t="s">
        <v>7</v>
      </c>
      <c r="E41" s="75" t="s">
        <v>7</v>
      </c>
      <c r="F41" s="75" t="s">
        <v>7</v>
      </c>
      <c r="G41" s="79">
        <f t="shared" ref="G41:Q41" si="9">ROUND(G33/G34*100,1)</f>
        <v>64</v>
      </c>
      <c r="H41" s="79">
        <f t="shared" si="9"/>
        <v>67.099999999999994</v>
      </c>
      <c r="I41" s="79">
        <f t="shared" si="9"/>
        <v>66.7</v>
      </c>
      <c r="J41" s="79">
        <f t="shared" si="9"/>
        <v>58.7</v>
      </c>
      <c r="K41" s="79">
        <f t="shared" si="9"/>
        <v>60.7</v>
      </c>
      <c r="L41" s="79">
        <f t="shared" si="9"/>
        <v>66.7</v>
      </c>
      <c r="M41" s="79">
        <f t="shared" si="9"/>
        <v>69.8</v>
      </c>
      <c r="N41" s="79">
        <f t="shared" si="9"/>
        <v>64.599999999999994</v>
      </c>
      <c r="O41" s="79">
        <f t="shared" si="9"/>
        <v>62</v>
      </c>
      <c r="P41" s="79">
        <f t="shared" si="9"/>
        <v>62.5</v>
      </c>
      <c r="Q41" s="79">
        <f t="shared" si="9"/>
        <v>69.599999999999994</v>
      </c>
    </row>
    <row r="42" spans="1:20" ht="23.25" customHeight="1" x14ac:dyDescent="0.2">
      <c r="A42" s="5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0" ht="23.25" customHeight="1" x14ac:dyDescent="0.2">
      <c r="A43" s="5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0" ht="23.25" customHeight="1" x14ac:dyDescent="0.2">
      <c r="A44" s="5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0" ht="23.25" customHeight="1" x14ac:dyDescent="0.2">
      <c r="A45" s="5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0" ht="23.25" customHeight="1" x14ac:dyDescent="0.2">
      <c r="A46" s="5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0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0" ht="23.25" customHeight="1" thickTop="1" x14ac:dyDescent="0.2">
      <c r="A48" s="4"/>
      <c r="B48" s="4"/>
      <c r="C48" s="60" t="s">
        <v>39</v>
      </c>
      <c r="D48" s="61"/>
      <c r="E48" s="61"/>
      <c r="F48" s="62"/>
      <c r="J48" s="60" t="s">
        <v>40</v>
      </c>
      <c r="K48" s="61"/>
      <c r="L48" s="61"/>
      <c r="M48" s="61"/>
      <c r="N48" s="61"/>
      <c r="O48" s="62"/>
      <c r="P48" s="4"/>
      <c r="Q48" s="4"/>
      <c r="R48" s="4"/>
      <c r="S48" s="4"/>
      <c r="T48" s="4"/>
    </row>
    <row r="49" spans="1:20" ht="23.25" customHeight="1" thickBot="1" x14ac:dyDescent="0.25">
      <c r="A49" s="4"/>
      <c r="B49" s="4"/>
      <c r="C49" s="63"/>
      <c r="D49" s="64"/>
      <c r="E49" s="64"/>
      <c r="F49" s="65"/>
      <c r="J49" s="63"/>
      <c r="K49" s="64"/>
      <c r="L49" s="64"/>
      <c r="M49" s="64"/>
      <c r="N49" s="64"/>
      <c r="O49" s="65"/>
      <c r="P49" s="4"/>
      <c r="Q49" s="4"/>
      <c r="R49" s="4"/>
      <c r="S49" s="4"/>
      <c r="T49" s="4"/>
    </row>
    <row r="50" spans="1:20" ht="23.25" customHeight="1" thickTop="1" x14ac:dyDescent="0.25">
      <c r="A50" s="4"/>
      <c r="B50" s="4"/>
      <c r="C50" s="66"/>
      <c r="D50" s="66"/>
      <c r="E50" s="66"/>
      <c r="F50" s="4"/>
      <c r="L50" s="67"/>
      <c r="M50" s="67"/>
      <c r="N50" s="67"/>
      <c r="O50" s="4"/>
      <c r="P50" s="4"/>
      <c r="Q50" s="4"/>
      <c r="R50" s="4"/>
      <c r="S50" s="68"/>
      <c r="T50" s="4"/>
    </row>
    <row r="51" spans="1:20" ht="23.25" customHeight="1" x14ac:dyDescent="0.25">
      <c r="A51" s="4"/>
      <c r="B51" s="68"/>
      <c r="C51" s="68"/>
      <c r="D51" s="68"/>
      <c r="E51" s="68"/>
      <c r="F51" s="67"/>
      <c r="G51" s="67"/>
      <c r="H51" s="67"/>
      <c r="I51" s="67"/>
      <c r="J51" s="67"/>
      <c r="K51" s="67"/>
      <c r="L51" s="67"/>
      <c r="M51" s="67"/>
      <c r="N51" s="67"/>
      <c r="O51" s="4"/>
      <c r="P51" s="4"/>
      <c r="Q51" s="4"/>
      <c r="R51" s="4"/>
      <c r="S51" s="68"/>
      <c r="T51" s="4"/>
    </row>
    <row r="52" spans="1:20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0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0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69"/>
      <c r="O54" s="4"/>
      <c r="P54" s="4"/>
      <c r="Q54" s="4"/>
      <c r="R54" s="4"/>
      <c r="S54" s="4"/>
      <c r="T54" s="4"/>
    </row>
    <row r="55" spans="1:20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0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0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0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0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0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0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0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0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0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69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0</v>
      </c>
      <c r="H84" s="8">
        <v>0</v>
      </c>
      <c r="I84" s="8">
        <v>1</v>
      </c>
      <c r="J84" s="8">
        <v>3</v>
      </c>
      <c r="K84" s="8">
        <v>3</v>
      </c>
      <c r="L84" s="8">
        <v>2</v>
      </c>
      <c r="M84" s="8">
        <v>1</v>
      </c>
      <c r="N84" s="21">
        <v>1</v>
      </c>
      <c r="O84" s="21">
        <v>0</v>
      </c>
      <c r="P84" s="21">
        <v>0</v>
      </c>
      <c r="Q84" s="21">
        <v>0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1</v>
      </c>
      <c r="H85" s="8">
        <v>0</v>
      </c>
      <c r="I85" s="8">
        <v>0</v>
      </c>
      <c r="J85" s="8">
        <v>1</v>
      </c>
      <c r="K85" s="8">
        <v>1</v>
      </c>
      <c r="L85" s="8">
        <v>1</v>
      </c>
      <c r="M85" s="8">
        <v>2</v>
      </c>
      <c r="N85" s="21">
        <v>2</v>
      </c>
      <c r="O85" s="21">
        <v>2</v>
      </c>
      <c r="P85" s="21">
        <v>2</v>
      </c>
      <c r="Q85" s="21">
        <v>2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1</v>
      </c>
      <c r="H86" s="8">
        <v>1</v>
      </c>
      <c r="I86" s="8">
        <v>0</v>
      </c>
      <c r="J86" s="8">
        <v>0</v>
      </c>
      <c r="K86" s="8">
        <v>0</v>
      </c>
      <c r="L86" s="8">
        <v>0</v>
      </c>
      <c r="M86" s="8">
        <v>0</v>
      </c>
      <c r="N86" s="21">
        <v>0</v>
      </c>
      <c r="O86" s="21">
        <v>1</v>
      </c>
      <c r="P86" s="21">
        <v>1</v>
      </c>
      <c r="Q86" s="21">
        <v>1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2</v>
      </c>
      <c r="H87" s="11">
        <v>1</v>
      </c>
      <c r="I87" s="11">
        <v>1</v>
      </c>
      <c r="J87" s="11">
        <v>1</v>
      </c>
      <c r="K87" s="11">
        <v>1</v>
      </c>
      <c r="L87" s="11">
        <v>1</v>
      </c>
      <c r="M87" s="11">
        <v>0</v>
      </c>
      <c r="N87" s="22">
        <v>0</v>
      </c>
      <c r="O87" s="22">
        <v>0</v>
      </c>
      <c r="P87" s="22">
        <v>0</v>
      </c>
      <c r="Q87" s="22">
        <v>0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2</v>
      </c>
      <c r="H88" s="11">
        <v>2</v>
      </c>
      <c r="I88" s="11">
        <v>1</v>
      </c>
      <c r="J88" s="11">
        <v>1</v>
      </c>
      <c r="K88" s="11">
        <v>0</v>
      </c>
      <c r="L88" s="11">
        <v>0</v>
      </c>
      <c r="M88" s="11">
        <v>1</v>
      </c>
      <c r="N88" s="22">
        <v>1</v>
      </c>
      <c r="O88" s="22">
        <v>1</v>
      </c>
      <c r="P88" s="22">
        <v>1</v>
      </c>
      <c r="Q88" s="22">
        <v>0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0</v>
      </c>
      <c r="H89" s="11">
        <v>0</v>
      </c>
      <c r="I89" s="11">
        <v>2</v>
      </c>
      <c r="J89" s="11">
        <v>1</v>
      </c>
      <c r="K89" s="11">
        <v>2</v>
      </c>
      <c r="L89" s="11">
        <v>2</v>
      </c>
      <c r="M89" s="11">
        <v>1</v>
      </c>
      <c r="N89" s="22">
        <v>1</v>
      </c>
      <c r="O89" s="22">
        <v>1</v>
      </c>
      <c r="P89" s="22">
        <v>0</v>
      </c>
      <c r="Q89" s="22">
        <v>0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0</v>
      </c>
      <c r="H90" s="11">
        <v>0</v>
      </c>
      <c r="I90" s="11">
        <v>0</v>
      </c>
      <c r="J90" s="11">
        <v>1</v>
      </c>
      <c r="K90" s="11">
        <v>1</v>
      </c>
      <c r="L90" s="11">
        <v>1</v>
      </c>
      <c r="M90" s="11">
        <v>0</v>
      </c>
      <c r="N90" s="22">
        <v>0</v>
      </c>
      <c r="O90" s="22">
        <v>1</v>
      </c>
      <c r="P90" s="22">
        <v>2</v>
      </c>
      <c r="Q90" s="22">
        <v>1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0</v>
      </c>
      <c r="H91" s="11">
        <v>0</v>
      </c>
      <c r="I91" s="11">
        <v>1</v>
      </c>
      <c r="J91" s="11">
        <v>1</v>
      </c>
      <c r="K91" s="11">
        <v>1</v>
      </c>
      <c r="L91" s="11">
        <v>0</v>
      </c>
      <c r="M91" s="11">
        <v>0</v>
      </c>
      <c r="N91" s="22">
        <v>0</v>
      </c>
      <c r="O91" s="22">
        <v>1</v>
      </c>
      <c r="P91" s="22">
        <v>0</v>
      </c>
      <c r="Q91" s="22">
        <v>1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1</v>
      </c>
      <c r="H92" s="11">
        <v>1</v>
      </c>
      <c r="I92" s="11">
        <v>1</v>
      </c>
      <c r="J92" s="11">
        <v>1</v>
      </c>
      <c r="K92" s="11">
        <v>1</v>
      </c>
      <c r="L92" s="11">
        <v>0</v>
      </c>
      <c r="M92" s="11">
        <v>0</v>
      </c>
      <c r="N92" s="22">
        <v>0</v>
      </c>
      <c r="O92" s="22">
        <v>0</v>
      </c>
      <c r="P92" s="22">
        <v>1</v>
      </c>
      <c r="Q92" s="22">
        <v>1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3</v>
      </c>
      <c r="H93" s="11">
        <v>2</v>
      </c>
      <c r="I93" s="11">
        <v>1</v>
      </c>
      <c r="J93" s="11">
        <v>2</v>
      </c>
      <c r="K93" s="11">
        <v>2</v>
      </c>
      <c r="L93" s="11">
        <v>3</v>
      </c>
      <c r="M93" s="11">
        <v>3</v>
      </c>
      <c r="N93" s="22">
        <v>2</v>
      </c>
      <c r="O93" s="22">
        <v>1</v>
      </c>
      <c r="P93" s="22">
        <v>1</v>
      </c>
      <c r="Q93" s="22">
        <v>0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6</v>
      </c>
      <c r="H94" s="11">
        <v>2</v>
      </c>
      <c r="I94" s="11">
        <v>0</v>
      </c>
      <c r="J94" s="11">
        <v>0</v>
      </c>
      <c r="K94" s="11">
        <v>0</v>
      </c>
      <c r="L94" s="11">
        <v>0</v>
      </c>
      <c r="M94" s="11">
        <v>0</v>
      </c>
      <c r="N94" s="22">
        <v>1</v>
      </c>
      <c r="O94" s="22">
        <v>2</v>
      </c>
      <c r="P94" s="22">
        <v>2</v>
      </c>
      <c r="Q94" s="22">
        <v>3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4</v>
      </c>
      <c r="H95" s="11">
        <v>6</v>
      </c>
      <c r="I95" s="11">
        <v>3</v>
      </c>
      <c r="J95" s="11">
        <v>2</v>
      </c>
      <c r="K95" s="11">
        <v>1</v>
      </c>
      <c r="L95" s="11">
        <v>1</v>
      </c>
      <c r="M95" s="11">
        <v>1</v>
      </c>
      <c r="N95" s="22">
        <v>1</v>
      </c>
      <c r="O95" s="22">
        <v>0</v>
      </c>
      <c r="P95" s="22">
        <v>0</v>
      </c>
      <c r="Q95" s="22">
        <v>0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3</v>
      </c>
      <c r="H96" s="11">
        <v>3</v>
      </c>
      <c r="I96" s="11">
        <v>5</v>
      </c>
      <c r="J96" s="11">
        <v>6</v>
      </c>
      <c r="K96" s="11">
        <v>5</v>
      </c>
      <c r="L96" s="11">
        <v>3</v>
      </c>
      <c r="M96" s="11">
        <v>2</v>
      </c>
      <c r="N96" s="22">
        <v>2</v>
      </c>
      <c r="O96" s="22">
        <v>3</v>
      </c>
      <c r="P96" s="22">
        <v>2</v>
      </c>
      <c r="Q96" s="22">
        <v>1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6</v>
      </c>
      <c r="H97" s="14">
        <v>1</v>
      </c>
      <c r="I97" s="14">
        <v>3</v>
      </c>
      <c r="J97" s="14">
        <v>3</v>
      </c>
      <c r="K97" s="14">
        <v>3</v>
      </c>
      <c r="L97" s="14">
        <v>5</v>
      </c>
      <c r="M97" s="14">
        <v>5</v>
      </c>
      <c r="N97" s="23">
        <v>5</v>
      </c>
      <c r="O97" s="23">
        <v>5</v>
      </c>
      <c r="P97" s="23">
        <v>4</v>
      </c>
      <c r="Q97" s="23">
        <v>3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12</v>
      </c>
      <c r="H98" s="14">
        <v>6</v>
      </c>
      <c r="I98" s="14">
        <v>1</v>
      </c>
      <c r="J98" s="14">
        <v>1</v>
      </c>
      <c r="K98" s="14">
        <v>2</v>
      </c>
      <c r="L98" s="14">
        <v>2</v>
      </c>
      <c r="M98" s="14">
        <v>2</v>
      </c>
      <c r="N98" s="23">
        <v>3</v>
      </c>
      <c r="O98" s="23">
        <v>3</v>
      </c>
      <c r="P98" s="23">
        <v>3</v>
      </c>
      <c r="Q98" s="23">
        <v>5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3</v>
      </c>
      <c r="H99" s="14">
        <v>11</v>
      </c>
      <c r="I99" s="14">
        <v>6</v>
      </c>
      <c r="J99" s="14">
        <v>5</v>
      </c>
      <c r="K99" s="14">
        <v>4</v>
      </c>
      <c r="L99" s="14">
        <v>3</v>
      </c>
      <c r="M99" s="14">
        <v>1</v>
      </c>
      <c r="N99" s="23">
        <v>1</v>
      </c>
      <c r="O99" s="23">
        <v>1</v>
      </c>
      <c r="P99" s="23">
        <v>3</v>
      </c>
      <c r="Q99" s="23">
        <v>3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4</v>
      </c>
      <c r="H100" s="14">
        <v>3</v>
      </c>
      <c r="I100" s="14">
        <v>8</v>
      </c>
      <c r="J100" s="14">
        <v>7</v>
      </c>
      <c r="K100" s="14">
        <v>7</v>
      </c>
      <c r="L100" s="14">
        <v>6</v>
      </c>
      <c r="M100" s="14">
        <v>7</v>
      </c>
      <c r="N100" s="23">
        <v>4</v>
      </c>
      <c r="O100" s="23">
        <v>3</v>
      </c>
      <c r="P100" s="23">
        <v>3</v>
      </c>
      <c r="Q100" s="23">
        <v>2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</v>
      </c>
      <c r="H101" s="14">
        <v>1</v>
      </c>
      <c r="I101" s="14">
        <v>2</v>
      </c>
      <c r="J101" s="14">
        <v>2</v>
      </c>
      <c r="K101" s="14">
        <v>2</v>
      </c>
      <c r="L101" s="14">
        <v>4</v>
      </c>
      <c r="M101" s="14">
        <v>4</v>
      </c>
      <c r="N101" s="23">
        <v>4</v>
      </c>
      <c r="O101" s="23">
        <v>4</v>
      </c>
      <c r="P101" s="23">
        <v>4</v>
      </c>
      <c r="Q101" s="23">
        <v>5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0</v>
      </c>
      <c r="H102" s="14">
        <v>1</v>
      </c>
      <c r="I102" s="14">
        <v>0</v>
      </c>
      <c r="J102" s="14">
        <v>1</v>
      </c>
      <c r="K102" s="14">
        <v>1</v>
      </c>
      <c r="L102" s="14">
        <v>1</v>
      </c>
      <c r="M102" s="14">
        <v>1</v>
      </c>
      <c r="N102" s="23">
        <v>1</v>
      </c>
      <c r="O102" s="23">
        <v>1</v>
      </c>
      <c r="P102" s="23">
        <v>1</v>
      </c>
      <c r="Q102" s="23">
        <v>1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0</v>
      </c>
      <c r="I103" s="14">
        <v>1</v>
      </c>
      <c r="J103" s="14">
        <v>1</v>
      </c>
      <c r="K103" s="14">
        <v>1</v>
      </c>
      <c r="L103" s="14">
        <v>0</v>
      </c>
      <c r="M103" s="14">
        <v>0</v>
      </c>
      <c r="N103" s="23">
        <v>0</v>
      </c>
      <c r="O103" s="23">
        <v>1</v>
      </c>
      <c r="P103" s="23">
        <v>0</v>
      </c>
      <c r="Q103" s="23">
        <v>0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1</v>
      </c>
      <c r="M104" s="14">
        <v>1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49</v>
      </c>
      <c r="H105" s="17">
        <f t="shared" ref="H105:N105" si="10">SUM(H84:H104)</f>
        <v>41</v>
      </c>
      <c r="I105" s="17">
        <f t="shared" si="10"/>
        <v>37</v>
      </c>
      <c r="J105" s="17">
        <f t="shared" si="10"/>
        <v>40</v>
      </c>
      <c r="K105" s="17">
        <f t="shared" si="10"/>
        <v>38</v>
      </c>
      <c r="L105" s="17">
        <f t="shared" si="10"/>
        <v>36</v>
      </c>
      <c r="M105" s="17">
        <f t="shared" si="10"/>
        <v>32</v>
      </c>
      <c r="N105" s="17">
        <f t="shared" si="10"/>
        <v>29</v>
      </c>
      <c r="O105" s="17">
        <f>SUM(O84:O104)</f>
        <v>31</v>
      </c>
      <c r="P105" s="17">
        <f>SUM(P84:P104)</f>
        <v>30</v>
      </c>
      <c r="Q105" s="17">
        <f>SUM(Q84:Q104)</f>
        <v>29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2</v>
      </c>
      <c r="H110" s="8">
        <f t="shared" si="11"/>
        <v>1</v>
      </c>
      <c r="I110" s="8">
        <f t="shared" si="11"/>
        <v>1</v>
      </c>
      <c r="J110" s="8">
        <f t="shared" si="11"/>
        <v>4</v>
      </c>
      <c r="K110" s="8">
        <f t="shared" si="11"/>
        <v>4</v>
      </c>
      <c r="L110" s="8">
        <f t="shared" si="11"/>
        <v>3</v>
      </c>
      <c r="M110" s="8">
        <f t="shared" si="11"/>
        <v>3</v>
      </c>
      <c r="N110" s="8">
        <f t="shared" si="11"/>
        <v>3</v>
      </c>
      <c r="O110" s="8">
        <f t="shared" si="11"/>
        <v>3</v>
      </c>
      <c r="P110" s="8">
        <f t="shared" si="11"/>
        <v>3</v>
      </c>
      <c r="Q110" s="8">
        <v>3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21</v>
      </c>
      <c r="H111" s="11">
        <f t="shared" si="12"/>
        <v>17</v>
      </c>
      <c r="I111" s="11">
        <f t="shared" si="12"/>
        <v>15</v>
      </c>
      <c r="J111" s="11">
        <f t="shared" si="12"/>
        <v>16</v>
      </c>
      <c r="K111" s="11">
        <f t="shared" si="12"/>
        <v>14</v>
      </c>
      <c r="L111" s="11">
        <f t="shared" si="12"/>
        <v>11</v>
      </c>
      <c r="M111" s="11">
        <f t="shared" si="12"/>
        <v>8</v>
      </c>
      <c r="N111" s="11">
        <f t="shared" si="12"/>
        <v>8</v>
      </c>
      <c r="O111" s="11">
        <f t="shared" si="12"/>
        <v>10</v>
      </c>
      <c r="P111" s="11">
        <f t="shared" si="12"/>
        <v>9</v>
      </c>
      <c r="Q111" s="11">
        <v>7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26</v>
      </c>
      <c r="H112" s="14">
        <f t="shared" si="13"/>
        <v>23</v>
      </c>
      <c r="I112" s="14">
        <f t="shared" si="13"/>
        <v>21</v>
      </c>
      <c r="J112" s="14">
        <f t="shared" si="13"/>
        <v>20</v>
      </c>
      <c r="K112" s="14">
        <f t="shared" si="13"/>
        <v>20</v>
      </c>
      <c r="L112" s="14">
        <f t="shared" si="13"/>
        <v>22</v>
      </c>
      <c r="M112" s="14">
        <f t="shared" si="13"/>
        <v>21</v>
      </c>
      <c r="N112" s="14">
        <f t="shared" si="13"/>
        <v>18</v>
      </c>
      <c r="O112" s="14">
        <f t="shared" si="13"/>
        <v>18</v>
      </c>
      <c r="P112" s="14">
        <f t="shared" si="13"/>
        <v>18</v>
      </c>
      <c r="Q112" s="14">
        <v>19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49</v>
      </c>
      <c r="H113" s="17">
        <f t="shared" ref="H113:N113" si="14">SUM(H110:H112)</f>
        <v>41</v>
      </c>
      <c r="I113" s="17">
        <f t="shared" si="14"/>
        <v>37</v>
      </c>
      <c r="J113" s="17">
        <f t="shared" si="14"/>
        <v>40</v>
      </c>
      <c r="K113" s="17">
        <f t="shared" si="14"/>
        <v>38</v>
      </c>
      <c r="L113" s="17">
        <f t="shared" si="14"/>
        <v>36</v>
      </c>
      <c r="M113" s="17">
        <f t="shared" si="14"/>
        <v>32</v>
      </c>
      <c r="N113" s="17">
        <f t="shared" si="14"/>
        <v>29</v>
      </c>
      <c r="O113" s="17">
        <f>SUM(O110:O112)</f>
        <v>31</v>
      </c>
      <c r="P113" s="17">
        <f>SUM(P110:P112)</f>
        <v>30</v>
      </c>
      <c r="Q113" s="17">
        <f>SUM(Q110:Q112)</f>
        <v>29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71" t="s">
        <v>7</v>
      </c>
      <c r="C118" s="71" t="s">
        <v>7</v>
      </c>
      <c r="D118" s="71" t="s">
        <v>7</v>
      </c>
      <c r="E118" s="71" t="s">
        <v>7</v>
      </c>
      <c r="F118" s="71" t="s">
        <v>7</v>
      </c>
      <c r="G118" s="72">
        <f t="shared" ref="G118:Q118" si="15">ROUND(G110/G113*100,1)</f>
        <v>4.0999999999999996</v>
      </c>
      <c r="H118" s="72">
        <f t="shared" si="15"/>
        <v>2.4</v>
      </c>
      <c r="I118" s="72">
        <f t="shared" si="15"/>
        <v>2.7</v>
      </c>
      <c r="J118" s="72">
        <f t="shared" si="15"/>
        <v>10</v>
      </c>
      <c r="K118" s="72">
        <f t="shared" si="15"/>
        <v>10.5</v>
      </c>
      <c r="L118" s="72">
        <f t="shared" si="15"/>
        <v>8.3000000000000007</v>
      </c>
      <c r="M118" s="72">
        <f t="shared" si="15"/>
        <v>9.4</v>
      </c>
      <c r="N118" s="72">
        <f t="shared" si="15"/>
        <v>10.3</v>
      </c>
      <c r="O118" s="72">
        <f t="shared" si="15"/>
        <v>9.6999999999999993</v>
      </c>
      <c r="P118" s="72">
        <f t="shared" si="15"/>
        <v>10</v>
      </c>
      <c r="Q118" s="72">
        <f t="shared" si="15"/>
        <v>10.3</v>
      </c>
    </row>
    <row r="119" spans="1:17" ht="21.75" customHeight="1" x14ac:dyDescent="0.2">
      <c r="A119" s="9" t="s">
        <v>34</v>
      </c>
      <c r="B119" s="73" t="s">
        <v>7</v>
      </c>
      <c r="C119" s="73" t="s">
        <v>7</v>
      </c>
      <c r="D119" s="73" t="s">
        <v>7</v>
      </c>
      <c r="E119" s="73" t="s">
        <v>7</v>
      </c>
      <c r="F119" s="73" t="s">
        <v>7</v>
      </c>
      <c r="G119" s="74">
        <f t="shared" ref="G119:Q119" si="16">ROUND(G111/G113*100,1)</f>
        <v>42.9</v>
      </c>
      <c r="H119" s="74">
        <f t="shared" si="16"/>
        <v>41.5</v>
      </c>
      <c r="I119" s="74">
        <f t="shared" si="16"/>
        <v>40.5</v>
      </c>
      <c r="J119" s="74">
        <f t="shared" si="16"/>
        <v>40</v>
      </c>
      <c r="K119" s="74">
        <f t="shared" si="16"/>
        <v>36.799999999999997</v>
      </c>
      <c r="L119" s="74">
        <f t="shared" si="16"/>
        <v>30.6</v>
      </c>
      <c r="M119" s="74">
        <f t="shared" si="16"/>
        <v>25</v>
      </c>
      <c r="N119" s="74">
        <f t="shared" si="16"/>
        <v>27.6</v>
      </c>
      <c r="O119" s="74">
        <f t="shared" si="16"/>
        <v>32.299999999999997</v>
      </c>
      <c r="P119" s="74">
        <f t="shared" si="16"/>
        <v>30</v>
      </c>
      <c r="Q119" s="74">
        <f t="shared" si="16"/>
        <v>24.1</v>
      </c>
    </row>
    <row r="120" spans="1:17" ht="21.75" customHeight="1" x14ac:dyDescent="0.2">
      <c r="A120" s="12" t="s">
        <v>35</v>
      </c>
      <c r="B120" s="75" t="s">
        <v>7</v>
      </c>
      <c r="C120" s="75" t="s">
        <v>7</v>
      </c>
      <c r="D120" s="75" t="s">
        <v>7</v>
      </c>
      <c r="E120" s="75" t="s">
        <v>7</v>
      </c>
      <c r="F120" s="75" t="s">
        <v>7</v>
      </c>
      <c r="G120" s="76">
        <f t="shared" ref="G120:Q120" si="17">ROUND(G112/G113*100,1)</f>
        <v>53.1</v>
      </c>
      <c r="H120" s="76">
        <f t="shared" si="17"/>
        <v>56.1</v>
      </c>
      <c r="I120" s="76">
        <f t="shared" si="17"/>
        <v>56.8</v>
      </c>
      <c r="J120" s="76">
        <f t="shared" si="17"/>
        <v>50</v>
      </c>
      <c r="K120" s="76">
        <f t="shared" si="17"/>
        <v>52.6</v>
      </c>
      <c r="L120" s="76">
        <f t="shared" si="17"/>
        <v>61.1</v>
      </c>
      <c r="M120" s="76">
        <f t="shared" si="17"/>
        <v>65.599999999999994</v>
      </c>
      <c r="N120" s="76">
        <f t="shared" si="17"/>
        <v>62.1</v>
      </c>
      <c r="O120" s="76">
        <f t="shared" si="17"/>
        <v>58.1</v>
      </c>
      <c r="P120" s="76">
        <f t="shared" si="17"/>
        <v>60</v>
      </c>
      <c r="Q120" s="76">
        <f t="shared" si="17"/>
        <v>65.5</v>
      </c>
    </row>
    <row r="121" spans="1:17" ht="21.75" customHeight="1" x14ac:dyDescent="0.35">
      <c r="A121" s="5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5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5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5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5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5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70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0</v>
      </c>
      <c r="H130" s="8">
        <v>0</v>
      </c>
      <c r="I130" s="8">
        <v>0</v>
      </c>
      <c r="J130" s="8">
        <v>0</v>
      </c>
      <c r="K130" s="8">
        <v>0</v>
      </c>
      <c r="L130" s="8">
        <v>0</v>
      </c>
      <c r="M130" s="8">
        <v>0</v>
      </c>
      <c r="N130" s="21">
        <v>0</v>
      </c>
      <c r="O130" s="21">
        <v>0</v>
      </c>
      <c r="P130" s="21">
        <v>0</v>
      </c>
      <c r="Q130" s="21">
        <v>0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1</v>
      </c>
      <c r="H131" s="8">
        <v>0</v>
      </c>
      <c r="I131" s="8">
        <v>0</v>
      </c>
      <c r="J131" s="8">
        <v>0</v>
      </c>
      <c r="K131" s="8">
        <v>0</v>
      </c>
      <c r="L131" s="8">
        <v>0</v>
      </c>
      <c r="M131" s="8">
        <v>0</v>
      </c>
      <c r="N131" s="21">
        <v>0</v>
      </c>
      <c r="O131" s="21">
        <v>0</v>
      </c>
      <c r="P131" s="21">
        <v>0</v>
      </c>
      <c r="Q131" s="21">
        <v>0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0</v>
      </c>
      <c r="H132" s="8">
        <v>1</v>
      </c>
      <c r="I132" s="8">
        <v>0</v>
      </c>
      <c r="J132" s="8">
        <v>0</v>
      </c>
      <c r="K132" s="8">
        <v>0</v>
      </c>
      <c r="L132" s="8">
        <v>0</v>
      </c>
      <c r="M132" s="8">
        <v>0</v>
      </c>
      <c r="N132" s="21">
        <v>0</v>
      </c>
      <c r="O132" s="21">
        <v>0</v>
      </c>
      <c r="P132" s="21">
        <v>0</v>
      </c>
      <c r="Q132" s="21">
        <v>0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</v>
      </c>
      <c r="H133" s="11">
        <v>0</v>
      </c>
      <c r="I133" s="11">
        <v>1</v>
      </c>
      <c r="J133" s="11">
        <v>1</v>
      </c>
      <c r="K133" s="11">
        <v>0</v>
      </c>
      <c r="L133" s="11">
        <v>0</v>
      </c>
      <c r="M133" s="11">
        <v>0</v>
      </c>
      <c r="N133" s="22">
        <v>0</v>
      </c>
      <c r="O133" s="22">
        <v>0</v>
      </c>
      <c r="P133" s="22">
        <v>0</v>
      </c>
      <c r="Q133" s="22">
        <v>0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0</v>
      </c>
      <c r="H134" s="11">
        <v>1</v>
      </c>
      <c r="I134" s="11">
        <v>0</v>
      </c>
      <c r="J134" s="11">
        <v>0</v>
      </c>
      <c r="K134" s="11">
        <v>1</v>
      </c>
      <c r="L134" s="11">
        <v>1</v>
      </c>
      <c r="M134" s="11">
        <v>1</v>
      </c>
      <c r="N134" s="22">
        <v>1</v>
      </c>
      <c r="O134" s="22">
        <v>1</v>
      </c>
      <c r="P134" s="22">
        <v>0</v>
      </c>
      <c r="Q134" s="22">
        <v>0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0</v>
      </c>
      <c r="H135" s="11">
        <v>0</v>
      </c>
      <c r="I135" s="11">
        <v>0</v>
      </c>
      <c r="J135" s="11">
        <v>0</v>
      </c>
      <c r="K135" s="11">
        <v>0</v>
      </c>
      <c r="L135" s="11">
        <v>0</v>
      </c>
      <c r="M135" s="11">
        <v>0</v>
      </c>
      <c r="N135" s="22">
        <v>0</v>
      </c>
      <c r="O135" s="22">
        <v>0</v>
      </c>
      <c r="P135" s="22">
        <v>1</v>
      </c>
      <c r="Q135" s="22">
        <v>1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0</v>
      </c>
      <c r="H136" s="11">
        <v>0</v>
      </c>
      <c r="I136" s="11">
        <v>1</v>
      </c>
      <c r="J136" s="11">
        <v>1</v>
      </c>
      <c r="K136" s="11">
        <v>1</v>
      </c>
      <c r="L136" s="11">
        <v>0</v>
      </c>
      <c r="M136" s="11">
        <v>0</v>
      </c>
      <c r="N136" s="22">
        <v>0</v>
      </c>
      <c r="O136" s="22">
        <v>0</v>
      </c>
      <c r="P136" s="22">
        <v>0</v>
      </c>
      <c r="Q136" s="22">
        <v>0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1</v>
      </c>
      <c r="H137" s="11">
        <v>0</v>
      </c>
      <c r="I137" s="11">
        <v>0</v>
      </c>
      <c r="J137" s="11">
        <v>0</v>
      </c>
      <c r="K137" s="11">
        <v>0</v>
      </c>
      <c r="L137" s="11">
        <v>0</v>
      </c>
      <c r="M137" s="11">
        <v>0</v>
      </c>
      <c r="N137" s="22">
        <v>0</v>
      </c>
      <c r="O137" s="22">
        <v>0</v>
      </c>
      <c r="P137" s="22">
        <v>0</v>
      </c>
      <c r="Q137" s="22">
        <v>0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0</v>
      </c>
      <c r="H138" s="11">
        <v>0</v>
      </c>
      <c r="I138" s="11">
        <v>0</v>
      </c>
      <c r="J138" s="11">
        <v>2</v>
      </c>
      <c r="K138" s="11">
        <v>2</v>
      </c>
      <c r="L138" s="11">
        <v>1</v>
      </c>
      <c r="M138" s="11">
        <v>1</v>
      </c>
      <c r="N138" s="22">
        <v>0</v>
      </c>
      <c r="O138" s="22">
        <v>0</v>
      </c>
      <c r="P138" s="22">
        <v>0</v>
      </c>
      <c r="Q138" s="22">
        <v>0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3</v>
      </c>
      <c r="H139" s="11">
        <v>0</v>
      </c>
      <c r="I139" s="11">
        <v>1</v>
      </c>
      <c r="J139" s="11">
        <v>1</v>
      </c>
      <c r="K139" s="11">
        <v>0</v>
      </c>
      <c r="L139" s="11">
        <v>0</v>
      </c>
      <c r="M139" s="11">
        <v>0</v>
      </c>
      <c r="N139" s="22">
        <v>1</v>
      </c>
      <c r="O139" s="22">
        <v>1</v>
      </c>
      <c r="P139" s="22">
        <v>1</v>
      </c>
      <c r="Q139" s="22">
        <v>1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0</v>
      </c>
      <c r="H140" s="11">
        <v>1</v>
      </c>
      <c r="I140" s="11">
        <v>0</v>
      </c>
      <c r="J140" s="11">
        <v>0</v>
      </c>
      <c r="K140" s="11">
        <v>1</v>
      </c>
      <c r="L140" s="11">
        <v>2</v>
      </c>
      <c r="M140" s="11">
        <v>2</v>
      </c>
      <c r="N140" s="22">
        <v>1</v>
      </c>
      <c r="O140" s="22">
        <v>1</v>
      </c>
      <c r="P140" s="22">
        <v>0</v>
      </c>
      <c r="Q140" s="22">
        <v>0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</v>
      </c>
      <c r="H141" s="11">
        <v>0</v>
      </c>
      <c r="I141" s="11">
        <v>1</v>
      </c>
      <c r="J141" s="11">
        <v>1</v>
      </c>
      <c r="K141" s="11">
        <v>1</v>
      </c>
      <c r="L141" s="11">
        <v>0</v>
      </c>
      <c r="M141" s="11">
        <v>0</v>
      </c>
      <c r="N141" s="22">
        <v>1</v>
      </c>
      <c r="O141" s="22">
        <v>1</v>
      </c>
      <c r="P141" s="22">
        <v>2</v>
      </c>
      <c r="Q141" s="22">
        <v>2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</v>
      </c>
      <c r="H142" s="11">
        <v>2</v>
      </c>
      <c r="I142" s="11">
        <v>0</v>
      </c>
      <c r="J142" s="11">
        <v>0</v>
      </c>
      <c r="K142" s="11">
        <v>0</v>
      </c>
      <c r="L142" s="11">
        <v>1</v>
      </c>
      <c r="M142" s="11">
        <v>1</v>
      </c>
      <c r="N142" s="22">
        <v>2</v>
      </c>
      <c r="O142" s="22">
        <v>2</v>
      </c>
      <c r="P142" s="22">
        <v>2</v>
      </c>
      <c r="Q142" s="22">
        <v>0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1</v>
      </c>
      <c r="H143" s="14">
        <v>2</v>
      </c>
      <c r="I143" s="14">
        <v>2</v>
      </c>
      <c r="J143" s="14">
        <v>1</v>
      </c>
      <c r="K143" s="14">
        <v>1</v>
      </c>
      <c r="L143" s="14">
        <v>1</v>
      </c>
      <c r="M143" s="14">
        <v>0</v>
      </c>
      <c r="N143" s="23">
        <v>0</v>
      </c>
      <c r="O143" s="23">
        <v>0</v>
      </c>
      <c r="P143" s="23">
        <v>0</v>
      </c>
      <c r="Q143" s="23">
        <v>2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2</v>
      </c>
      <c r="H144" s="14">
        <v>10</v>
      </c>
      <c r="I144" s="14">
        <v>2</v>
      </c>
      <c r="J144" s="14">
        <v>2</v>
      </c>
      <c r="K144" s="14">
        <v>2</v>
      </c>
      <c r="L144" s="14">
        <v>1</v>
      </c>
      <c r="M144" s="14">
        <v>2</v>
      </c>
      <c r="N144" s="23">
        <v>1</v>
      </c>
      <c r="O144" s="23">
        <v>0</v>
      </c>
      <c r="P144" s="23">
        <v>0</v>
      </c>
      <c r="Q144" s="23">
        <v>0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7</v>
      </c>
      <c r="H145" s="14">
        <v>3</v>
      </c>
      <c r="I145" s="14">
        <v>9</v>
      </c>
      <c r="J145" s="14">
        <v>5</v>
      </c>
      <c r="K145" s="14">
        <v>3</v>
      </c>
      <c r="L145" s="14">
        <v>4</v>
      </c>
      <c r="M145" s="14">
        <v>3</v>
      </c>
      <c r="N145" s="23">
        <v>0</v>
      </c>
      <c r="O145" s="23">
        <v>1</v>
      </c>
      <c r="P145" s="23">
        <v>1</v>
      </c>
      <c r="Q145" s="23">
        <v>1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4</v>
      </c>
      <c r="H146" s="14">
        <v>5</v>
      </c>
      <c r="I146" s="14">
        <v>1</v>
      </c>
      <c r="J146" s="14">
        <v>5</v>
      </c>
      <c r="K146" s="14">
        <v>7</v>
      </c>
      <c r="L146" s="14">
        <v>7</v>
      </c>
      <c r="M146" s="14">
        <v>8</v>
      </c>
      <c r="N146" s="23">
        <v>8</v>
      </c>
      <c r="O146" s="23">
        <v>4</v>
      </c>
      <c r="P146" s="23">
        <v>2</v>
      </c>
      <c r="Q146" s="23">
        <v>2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0</v>
      </c>
      <c r="H147" s="14">
        <v>4</v>
      </c>
      <c r="I147" s="14">
        <v>3</v>
      </c>
      <c r="J147" s="14">
        <v>2</v>
      </c>
      <c r="K147" s="14">
        <v>1</v>
      </c>
      <c r="L147" s="14">
        <v>1</v>
      </c>
      <c r="M147" s="14">
        <v>1</v>
      </c>
      <c r="N147" s="23">
        <v>1</v>
      </c>
      <c r="O147" s="23">
        <v>5</v>
      </c>
      <c r="P147" s="23">
        <v>7</v>
      </c>
      <c r="Q147" s="23">
        <v>7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4</v>
      </c>
      <c r="H148" s="14">
        <v>0</v>
      </c>
      <c r="I148" s="14">
        <v>2</v>
      </c>
      <c r="J148" s="14">
        <v>2</v>
      </c>
      <c r="K148" s="14">
        <v>3</v>
      </c>
      <c r="L148" s="14">
        <v>1</v>
      </c>
      <c r="M148" s="14">
        <v>0</v>
      </c>
      <c r="N148" s="23">
        <v>1</v>
      </c>
      <c r="O148" s="23">
        <v>1</v>
      </c>
      <c r="P148" s="23">
        <v>0</v>
      </c>
      <c r="Q148" s="23">
        <v>0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</v>
      </c>
      <c r="H149" s="14">
        <v>0</v>
      </c>
      <c r="I149" s="14">
        <v>0</v>
      </c>
      <c r="J149" s="14">
        <v>0</v>
      </c>
      <c r="K149" s="14">
        <v>0</v>
      </c>
      <c r="L149" s="14">
        <v>1</v>
      </c>
      <c r="M149" s="14">
        <v>2</v>
      </c>
      <c r="N149" s="23">
        <v>2</v>
      </c>
      <c r="O149" s="23">
        <v>2</v>
      </c>
      <c r="P149" s="23">
        <v>2</v>
      </c>
      <c r="Q149" s="23">
        <v>0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0</v>
      </c>
      <c r="I150" s="14">
        <v>0</v>
      </c>
      <c r="J150" s="14">
        <v>0</v>
      </c>
      <c r="K150" s="14">
        <v>0</v>
      </c>
      <c r="L150" s="14">
        <v>0</v>
      </c>
      <c r="M150" s="14">
        <v>0</v>
      </c>
      <c r="N150" s="23">
        <v>0</v>
      </c>
      <c r="O150" s="23">
        <v>0</v>
      </c>
      <c r="P150" s="23">
        <v>0</v>
      </c>
      <c r="Q150" s="23">
        <v>1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37</v>
      </c>
      <c r="H151" s="17">
        <f t="shared" ref="H151:N151" si="18">SUM(H130:H150)</f>
        <v>29</v>
      </c>
      <c r="I151" s="17">
        <f t="shared" si="18"/>
        <v>23</v>
      </c>
      <c r="J151" s="17">
        <f t="shared" si="18"/>
        <v>23</v>
      </c>
      <c r="K151" s="17">
        <f t="shared" si="18"/>
        <v>23</v>
      </c>
      <c r="L151" s="17">
        <f t="shared" si="18"/>
        <v>21</v>
      </c>
      <c r="M151" s="17">
        <f t="shared" si="18"/>
        <v>21</v>
      </c>
      <c r="N151" s="17">
        <f t="shared" si="18"/>
        <v>19</v>
      </c>
      <c r="O151" s="17">
        <f>SUM(O130:O150)</f>
        <v>19</v>
      </c>
      <c r="P151" s="17">
        <f>SUM(P130:P150)</f>
        <v>18</v>
      </c>
      <c r="Q151" s="17">
        <f>SUM(Q130:Q150)</f>
        <v>17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</v>
      </c>
      <c r="H156" s="8">
        <f t="shared" si="19"/>
        <v>1</v>
      </c>
      <c r="I156" s="8">
        <f t="shared" si="19"/>
        <v>0</v>
      </c>
      <c r="J156" s="8">
        <f t="shared" si="19"/>
        <v>0</v>
      </c>
      <c r="K156" s="8">
        <f t="shared" si="19"/>
        <v>0</v>
      </c>
      <c r="L156" s="8">
        <f t="shared" si="19"/>
        <v>0</v>
      </c>
      <c r="M156" s="8">
        <f t="shared" si="19"/>
        <v>0</v>
      </c>
      <c r="N156" s="8">
        <f t="shared" si="19"/>
        <v>0</v>
      </c>
      <c r="O156" s="8">
        <f t="shared" si="19"/>
        <v>0</v>
      </c>
      <c r="P156" s="8">
        <f t="shared" si="19"/>
        <v>0</v>
      </c>
      <c r="Q156" s="8">
        <v>0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7</v>
      </c>
      <c r="H157" s="11">
        <f t="shared" si="20"/>
        <v>4</v>
      </c>
      <c r="I157" s="11">
        <f t="shared" si="20"/>
        <v>4</v>
      </c>
      <c r="J157" s="11">
        <f t="shared" si="20"/>
        <v>6</v>
      </c>
      <c r="K157" s="11">
        <f t="shared" si="20"/>
        <v>6</v>
      </c>
      <c r="L157" s="11">
        <f t="shared" si="20"/>
        <v>5</v>
      </c>
      <c r="M157" s="11">
        <f t="shared" si="20"/>
        <v>5</v>
      </c>
      <c r="N157" s="11">
        <f t="shared" si="20"/>
        <v>6</v>
      </c>
      <c r="O157" s="11">
        <f t="shared" si="20"/>
        <v>6</v>
      </c>
      <c r="P157" s="11">
        <f t="shared" si="20"/>
        <v>6</v>
      </c>
      <c r="Q157" s="11">
        <v>4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29</v>
      </c>
      <c r="H158" s="14">
        <f t="shared" si="21"/>
        <v>24</v>
      </c>
      <c r="I158" s="14">
        <f t="shared" si="21"/>
        <v>19</v>
      </c>
      <c r="J158" s="14">
        <f t="shared" si="21"/>
        <v>17</v>
      </c>
      <c r="K158" s="14">
        <f t="shared" si="21"/>
        <v>17</v>
      </c>
      <c r="L158" s="14">
        <f t="shared" si="21"/>
        <v>16</v>
      </c>
      <c r="M158" s="14">
        <f t="shared" si="21"/>
        <v>16</v>
      </c>
      <c r="N158" s="14">
        <f t="shared" si="21"/>
        <v>13</v>
      </c>
      <c r="O158" s="14">
        <f t="shared" si="21"/>
        <v>13</v>
      </c>
      <c r="P158" s="14">
        <f t="shared" si="21"/>
        <v>12</v>
      </c>
      <c r="Q158" s="14">
        <v>13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37</v>
      </c>
      <c r="H159" s="17">
        <f t="shared" ref="H159:N159" si="22">SUM(H156:H158)</f>
        <v>29</v>
      </c>
      <c r="I159" s="17">
        <f t="shared" si="22"/>
        <v>23</v>
      </c>
      <c r="J159" s="17">
        <f t="shared" si="22"/>
        <v>23</v>
      </c>
      <c r="K159" s="17">
        <f t="shared" si="22"/>
        <v>23</v>
      </c>
      <c r="L159" s="17">
        <f t="shared" si="22"/>
        <v>21</v>
      </c>
      <c r="M159" s="17">
        <f t="shared" si="22"/>
        <v>21</v>
      </c>
      <c r="N159" s="17">
        <f t="shared" si="22"/>
        <v>19</v>
      </c>
      <c r="O159" s="17">
        <f>SUM(O156:O158)</f>
        <v>19</v>
      </c>
      <c r="P159" s="17">
        <f>SUM(P156:P158)</f>
        <v>18</v>
      </c>
      <c r="Q159" s="17">
        <f>SUM(Q156:Q158)</f>
        <v>17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71" t="s">
        <v>7</v>
      </c>
      <c r="C164" s="71" t="s">
        <v>7</v>
      </c>
      <c r="D164" s="71" t="s">
        <v>7</v>
      </c>
      <c r="E164" s="71" t="s">
        <v>7</v>
      </c>
      <c r="F164" s="71" t="s">
        <v>7</v>
      </c>
      <c r="G164" s="72">
        <f t="shared" ref="G164:Q164" si="23">ROUND(G156/G159*100,1)</f>
        <v>2.7</v>
      </c>
      <c r="H164" s="72">
        <f t="shared" si="23"/>
        <v>3.4</v>
      </c>
      <c r="I164" s="72">
        <f t="shared" si="23"/>
        <v>0</v>
      </c>
      <c r="J164" s="72">
        <f t="shared" si="23"/>
        <v>0</v>
      </c>
      <c r="K164" s="72">
        <f t="shared" si="23"/>
        <v>0</v>
      </c>
      <c r="L164" s="72">
        <f t="shared" si="23"/>
        <v>0</v>
      </c>
      <c r="M164" s="72">
        <f t="shared" si="23"/>
        <v>0</v>
      </c>
      <c r="N164" s="72">
        <f t="shared" si="23"/>
        <v>0</v>
      </c>
      <c r="O164" s="72">
        <f t="shared" si="23"/>
        <v>0</v>
      </c>
      <c r="P164" s="72">
        <f t="shared" si="23"/>
        <v>0</v>
      </c>
      <c r="Q164" s="72">
        <f t="shared" si="23"/>
        <v>0</v>
      </c>
    </row>
    <row r="165" spans="1:20" ht="21.75" customHeight="1" x14ac:dyDescent="0.2">
      <c r="A165" s="9" t="s">
        <v>34</v>
      </c>
      <c r="B165" s="73" t="s">
        <v>7</v>
      </c>
      <c r="C165" s="73" t="s">
        <v>7</v>
      </c>
      <c r="D165" s="73" t="s">
        <v>7</v>
      </c>
      <c r="E165" s="73" t="s">
        <v>7</v>
      </c>
      <c r="F165" s="73" t="s">
        <v>7</v>
      </c>
      <c r="G165" s="74">
        <f t="shared" ref="G165:Q165" si="24">ROUND(G157/G159*100,1)</f>
        <v>18.899999999999999</v>
      </c>
      <c r="H165" s="74">
        <f t="shared" si="24"/>
        <v>13.8</v>
      </c>
      <c r="I165" s="74">
        <f t="shared" si="24"/>
        <v>17.399999999999999</v>
      </c>
      <c r="J165" s="74">
        <f t="shared" si="24"/>
        <v>26.1</v>
      </c>
      <c r="K165" s="74">
        <f t="shared" si="24"/>
        <v>26.1</v>
      </c>
      <c r="L165" s="74">
        <f t="shared" si="24"/>
        <v>23.8</v>
      </c>
      <c r="M165" s="74">
        <f t="shared" si="24"/>
        <v>23.8</v>
      </c>
      <c r="N165" s="74">
        <f t="shared" si="24"/>
        <v>31.6</v>
      </c>
      <c r="O165" s="74">
        <f t="shared" si="24"/>
        <v>31.6</v>
      </c>
      <c r="P165" s="74">
        <f t="shared" si="24"/>
        <v>33.299999999999997</v>
      </c>
      <c r="Q165" s="74">
        <f t="shared" si="24"/>
        <v>23.5</v>
      </c>
    </row>
    <row r="166" spans="1:20" ht="21.75" customHeight="1" x14ac:dyDescent="0.2">
      <c r="A166" s="12" t="s">
        <v>35</v>
      </c>
      <c r="B166" s="75" t="s">
        <v>7</v>
      </c>
      <c r="C166" s="75" t="s">
        <v>7</v>
      </c>
      <c r="D166" s="75" t="s">
        <v>7</v>
      </c>
      <c r="E166" s="75" t="s">
        <v>7</v>
      </c>
      <c r="F166" s="75" t="s">
        <v>7</v>
      </c>
      <c r="G166" s="76">
        <f t="shared" ref="G166:Q166" si="25">ROUND(G158/G159*100,1)</f>
        <v>78.400000000000006</v>
      </c>
      <c r="H166" s="76">
        <f t="shared" si="25"/>
        <v>82.8</v>
      </c>
      <c r="I166" s="76">
        <f t="shared" si="25"/>
        <v>82.6</v>
      </c>
      <c r="J166" s="76">
        <f t="shared" si="25"/>
        <v>73.900000000000006</v>
      </c>
      <c r="K166" s="76">
        <f t="shared" si="25"/>
        <v>73.900000000000006</v>
      </c>
      <c r="L166" s="76">
        <f t="shared" si="25"/>
        <v>76.2</v>
      </c>
      <c r="M166" s="76">
        <f t="shared" si="25"/>
        <v>76.2</v>
      </c>
      <c r="N166" s="76">
        <f t="shared" si="25"/>
        <v>68.400000000000006</v>
      </c>
      <c r="O166" s="76">
        <f t="shared" si="25"/>
        <v>68.400000000000006</v>
      </c>
      <c r="P166" s="76">
        <f t="shared" si="25"/>
        <v>66.7</v>
      </c>
      <c r="Q166" s="76">
        <f t="shared" si="25"/>
        <v>76.5</v>
      </c>
    </row>
    <row r="167" spans="1:20" ht="21.75" customHeight="1" x14ac:dyDescent="0.2">
      <c r="A167" s="5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66"/>
      <c r="B168" s="66"/>
      <c r="C168" s="66"/>
      <c r="D168" s="66"/>
      <c r="E168" s="66"/>
      <c r="F168" s="66"/>
      <c r="G168" s="66"/>
      <c r="H168" s="66"/>
      <c r="I168" s="66"/>
      <c r="J168" s="66"/>
      <c r="K168" s="66"/>
      <c r="L168" s="66"/>
      <c r="M168" s="66"/>
      <c r="N168" s="66"/>
      <c r="O168" s="66"/>
      <c r="P168" s="66"/>
      <c r="Q168" s="66"/>
      <c r="R168" s="66"/>
      <c r="S168" s="66"/>
      <c r="T168" s="6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0</vt:i4>
      </vt:variant>
      <vt:variant>
        <vt:lpstr>名前付き一覧</vt:lpstr>
      </vt:variant>
      <vt:variant>
        <vt:i4>10</vt:i4>
      </vt:variant>
    </vt:vector>
  </HeadingPairs>
  <TitlesOfParts>
    <vt:vector size="20" baseType="lpstr">
      <vt:lpstr>０３０１八尾</vt:lpstr>
      <vt:lpstr>０３０２保内</vt:lpstr>
      <vt:lpstr>０３０３杉原</vt:lpstr>
      <vt:lpstr>０３０４卯花</vt:lpstr>
      <vt:lpstr>０３０５室牧</vt:lpstr>
      <vt:lpstr>０３０６黒瀬谷</vt:lpstr>
      <vt:lpstr>０３０７野積</vt:lpstr>
      <vt:lpstr>０３０８仁歩</vt:lpstr>
      <vt:lpstr>０３０９大長谷</vt:lpstr>
      <vt:lpstr>八尾地域計</vt:lpstr>
      <vt:lpstr>'０３０１八尾'!Print_Area</vt:lpstr>
      <vt:lpstr>'０３０２保内'!Print_Area</vt:lpstr>
      <vt:lpstr>'０３０３杉原'!Print_Area</vt:lpstr>
      <vt:lpstr>'０３０４卯花'!Print_Area</vt:lpstr>
      <vt:lpstr>'０３０５室牧'!Print_Area</vt:lpstr>
      <vt:lpstr>'０３０６黒瀬谷'!Print_Area</vt:lpstr>
      <vt:lpstr>'０３０７野積'!Print_Area</vt:lpstr>
      <vt:lpstr>'０３０８仁歩'!Print_Area</vt:lpstr>
      <vt:lpstr>'０３０９大長谷'!Print_Area</vt:lpstr>
      <vt:lpstr>八尾地域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26:17Z</dcterms:created>
  <dcterms:modified xsi:type="dcterms:W3CDTF">2023-11-07T00:26:39Z</dcterms:modified>
</cp:coreProperties>
</file>